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8A11007" w14:textId="77777777" w:rsidR="006959AA" w:rsidRPr="00CF6EC7" w:rsidRDefault="00502CF5" w:rsidP="00580701">
      <w:pPr>
        <w:pStyle w:val="AmDateTab"/>
      </w:pPr>
      <w:bookmarkStart w:id="0" w:name="_GoBack"/>
      <w:bookmarkEnd w:id="0"/>
      <w:r w:rsidRPr="00CF6EC7">
        <w:rPr>
          <w:rStyle w:val="HideTWBExt"/>
          <w:noProof w:val="0"/>
        </w:rPr>
        <w:t>&lt;RepeatBlock-Amend&gt;</w:t>
      </w:r>
      <w:bookmarkStart w:id="1" w:name="restart"/>
      <w:r w:rsidRPr="00CF6EC7">
        <w:rPr>
          <w:rStyle w:val="HideTWBExt"/>
          <w:noProof w:val="0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</w:rPr>
        <w:t>&lt;/Date&gt;</w:t>
      </w:r>
      <w:r w:rsidRPr="00CF6EC7">
        <w:tab/>
      </w:r>
      <w:r w:rsidRPr="00CF6EC7">
        <w:rPr>
          <w:rStyle w:val="HideTWBExt"/>
          <w:noProof w:val="0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</w:rPr>
        <w:t>&lt;/ANo&gt;</w:t>
      </w:r>
      <w:r w:rsidRPr="00CF6EC7">
        <w:t>/</w:t>
      </w:r>
      <w:r w:rsidRPr="00CF6EC7">
        <w:rPr>
          <w:rStyle w:val="HideTWBExt"/>
          <w:noProof w:val="0"/>
        </w:rPr>
        <w:t>&lt;NumAm&gt;</w:t>
      </w:r>
      <w:r w:rsidRPr="00CF6EC7">
        <w:t>10</w:t>
      </w:r>
      <w:r w:rsidRPr="00CF6EC7">
        <w:rPr>
          <w:rStyle w:val="HideTWBExt"/>
          <w:noProof w:val="0"/>
        </w:rPr>
        <w:t>&lt;/NumAm&gt;</w:t>
      </w:r>
    </w:p>
    <w:p w14:paraId="75F0A106" w14:textId="77777777" w:rsidR="00016E4D" w:rsidRPr="00CF6EC7" w:rsidRDefault="00502CF5" w:rsidP="00016E4D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</w:rPr>
        <w:t>&lt;NumAm&gt;</w:t>
      </w:r>
      <w:r w:rsidRPr="00CF6EC7">
        <w:t>10</w:t>
      </w:r>
      <w:r w:rsidRPr="00CF6EC7">
        <w:rPr>
          <w:rStyle w:val="HideTWBExt"/>
          <w:b w:val="0"/>
          <w:noProof w:val="0"/>
        </w:rPr>
        <w:t>&lt;/NumAm&gt;</w:t>
      </w:r>
    </w:p>
    <w:p w14:paraId="2B5E6422" w14:textId="77777777" w:rsidR="006959AA" w:rsidRPr="00CF6EC7" w:rsidRDefault="00502CF5" w:rsidP="006959AA">
      <w:pPr>
        <w:pStyle w:val="NormalBold"/>
      </w:pPr>
      <w:r w:rsidRPr="00CF6EC7">
        <w:rPr>
          <w:rStyle w:val="HideTWBExt"/>
          <w:b w:val="0"/>
          <w:noProof w:val="0"/>
        </w:rPr>
        <w:t>&lt;RepeatBlock-By&gt;</w:t>
      </w:r>
      <w:bookmarkStart w:id="2" w:name="By"/>
      <w:r w:rsidRPr="00CF6EC7">
        <w:rPr>
          <w:rStyle w:val="HideTWBExt"/>
          <w:b w:val="0"/>
          <w:noProof w:val="0"/>
        </w:rPr>
        <w:t>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Members&gt;</w:t>
      </w:r>
    </w:p>
    <w:p w14:paraId="5F34370E" w14:textId="77777777" w:rsidR="006959AA" w:rsidRPr="00CF6EC7" w:rsidRDefault="00502CF5" w:rsidP="006959AA">
      <w:r w:rsidRPr="00CF6EC7">
        <w:rPr>
          <w:rStyle w:val="HideTWBExt"/>
          <w:noProof w:val="0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</w:rPr>
        <w:t>&lt;/AuNomDe&gt;</w:t>
      </w:r>
    </w:p>
    <w:p w14:paraId="7130F198" w14:textId="77777777" w:rsidR="006959AA" w:rsidRPr="00CF6EC7" w:rsidRDefault="00502CF5" w:rsidP="006959AA">
      <w:r w:rsidRPr="00CF6EC7">
        <w:rPr>
          <w:rStyle w:val="HideTWBExt"/>
          <w:bCs/>
          <w:noProof w:val="0"/>
        </w:rPr>
        <w:t>&lt;/By&gt;</w:t>
      </w:r>
      <w:bookmarkEnd w:id="2"/>
      <w:r w:rsidRPr="00CF6EC7">
        <w:rPr>
          <w:rStyle w:val="HideTWBExt"/>
          <w:noProof w:val="0"/>
        </w:rPr>
        <w:t>&lt;/RepeatBlock-By&gt;</w:t>
      </w:r>
    </w:p>
    <w:p w14:paraId="7DB1486E" w14:textId="77777777" w:rsidR="006959AA" w:rsidRPr="00CF6EC7" w:rsidRDefault="00502CF5" w:rsidP="006959AA">
      <w:pPr>
        <w:pStyle w:val="AmDocTypeTab"/>
      </w:pPr>
      <w:r w:rsidRPr="00CF6EC7">
        <w:rPr>
          <w:rStyle w:val="HideTWBExt"/>
          <w:b w:val="0"/>
          <w:noProof w:val="0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153499AD" w14:textId="77777777" w:rsidR="006959AA" w:rsidRPr="00CF6EC7" w:rsidRDefault="00502CF5" w:rsidP="006959AA">
      <w:pPr>
        <w:pStyle w:val="NormalBold"/>
      </w:pPr>
      <w:r w:rsidRPr="00CF6EC7">
        <w:rPr>
          <w:rStyle w:val="HideTWBExt"/>
          <w:b w:val="0"/>
          <w:noProof w:val="0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Rapporteur&gt;</w:t>
      </w:r>
    </w:p>
    <w:p w14:paraId="1DF8431D" w14:textId="77777777" w:rsidR="006959AA" w:rsidRPr="00CF6EC7" w:rsidRDefault="00502CF5" w:rsidP="006959AA">
      <w:r w:rsidRPr="00CF6EC7">
        <w:rPr>
          <w:rStyle w:val="HideTWBExt"/>
          <w:noProof w:val="0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</w:rPr>
        <w:t>&lt;/Titre&gt;</w:t>
      </w:r>
    </w:p>
    <w:p w14:paraId="58336B07" w14:textId="77777777" w:rsidR="006959AA" w:rsidRPr="00CF6EC7" w:rsidRDefault="00502CF5" w:rsidP="006959AA">
      <w:pPr>
        <w:pStyle w:val="Normal12a"/>
      </w:pPr>
      <w:r w:rsidRPr="00CF6EC7">
        <w:rPr>
          <w:rStyle w:val="HideTWBExt"/>
          <w:noProof w:val="0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</w:rPr>
        <w:t>&lt;/DocRef&gt;</w:t>
      </w:r>
    </w:p>
    <w:p w14:paraId="479DCDEC" w14:textId="77777777" w:rsidR="006959AA" w:rsidRPr="00CF6EC7" w:rsidRDefault="00502CF5" w:rsidP="006959AA">
      <w:pPr>
        <w:pStyle w:val="NormalBold"/>
      </w:pPr>
      <w:r w:rsidRPr="00CF6EC7">
        <w:rPr>
          <w:rStyle w:val="HideTWBExt"/>
          <w:b w:val="0"/>
          <w:noProof w:val="0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</w:rPr>
        <w:t>&lt;/DocAmend&gt;</w:t>
      </w:r>
    </w:p>
    <w:p w14:paraId="0BF1C389" w14:textId="77777777" w:rsidR="006959AA" w:rsidRPr="00CF6EC7" w:rsidRDefault="00502CF5" w:rsidP="006959AA">
      <w:pPr>
        <w:pStyle w:val="NormalBold"/>
      </w:pPr>
      <w:r w:rsidRPr="00CF6EC7">
        <w:rPr>
          <w:rStyle w:val="HideTWBExt"/>
          <w:b w:val="0"/>
          <w:noProof w:val="0"/>
        </w:rPr>
        <w:t>&lt;Article&gt;</w:t>
      </w:r>
      <w:r w:rsidRPr="00CF6EC7">
        <w:t>Mír 26</w:t>
      </w:r>
      <w:r w:rsidRPr="00CF6EC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00C1" w:rsidRPr="00CF6EC7" w14:paraId="3E385DA1" w14:textId="77777777" w:rsidTr="006959AA">
        <w:trPr>
          <w:jc w:val="center"/>
        </w:trPr>
        <w:tc>
          <w:tcPr>
            <w:tcW w:w="9752" w:type="dxa"/>
            <w:gridSpan w:val="2"/>
          </w:tcPr>
          <w:p w14:paraId="54E7085B" w14:textId="77777777" w:rsidR="006959AA" w:rsidRPr="00CF6EC7" w:rsidRDefault="006959AA" w:rsidP="00EE4A94">
            <w:pPr>
              <w:keepNext/>
            </w:pPr>
          </w:p>
        </w:tc>
      </w:tr>
      <w:tr w:rsidR="009C00C1" w:rsidRPr="00CF6EC7" w14:paraId="4DC2806C" w14:textId="77777777" w:rsidTr="006959AA">
        <w:trPr>
          <w:jc w:val="center"/>
        </w:trPr>
        <w:tc>
          <w:tcPr>
            <w:tcW w:w="4876" w:type="dxa"/>
          </w:tcPr>
          <w:p w14:paraId="136CC9C6" w14:textId="77777777" w:rsidR="006959AA" w:rsidRPr="00CF6EC7" w:rsidRDefault="00502CF5" w:rsidP="00EE4A94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876" w:type="dxa"/>
          </w:tcPr>
          <w:p w14:paraId="4F857411" w14:textId="77777777" w:rsidR="006959AA" w:rsidRPr="00CF6EC7" w:rsidRDefault="00502CF5" w:rsidP="00EE4A94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21F0F3BA" w14:textId="77777777" w:rsidTr="006959AA">
        <w:trPr>
          <w:jc w:val="center"/>
        </w:trPr>
        <w:tc>
          <w:tcPr>
            <w:tcW w:w="4876" w:type="dxa"/>
          </w:tcPr>
          <w:p w14:paraId="39C59DAE" w14:textId="724A132C" w:rsidR="006959AA" w:rsidRPr="00CF6EC7" w:rsidRDefault="00502CF5" w:rsidP="00BE2400">
            <w:pPr>
              <w:pStyle w:val="Normal6a"/>
            </w:pPr>
            <w:r w:rsidRPr="00CF6EC7">
              <w:t>26.</w:t>
            </w:r>
            <w:r w:rsidRPr="00CF6EC7">
              <w:tab/>
              <w:t>ag tabhairt dá haire go raibh sciar an mhaoinithe a soláthraíodh do bhóithre, do mhótarbhealaí agus don aeriompar in 2018 níos airde ná meán 2014-2018 ach go raibh an maoiniú a soláthraíodh d’iarnróid in 2018 níos ísle ná meán 2014-2018; á thabhairt dá haire gurb ionann an maoiniú iomlán a soláthraíodh don aeriompar in 2018 agus EUR 725 mhilliún; ag tnúth leis an athbhreithniú a dhéanfaidh BEI ar a Bheartas Iasachtaithe Iompair; ag iarraidh go mbeadh beartas nua maoinithe iompair ann chun earnáil iompair AE a dhícharbónú faoi 2050;</w:t>
            </w:r>
          </w:p>
        </w:tc>
        <w:tc>
          <w:tcPr>
            <w:tcW w:w="4876" w:type="dxa"/>
          </w:tcPr>
          <w:p w14:paraId="6D3EEC02" w14:textId="70010811" w:rsidR="006959AA" w:rsidRPr="00CF6EC7" w:rsidRDefault="00502CF5" w:rsidP="00F924F9">
            <w:pPr>
              <w:pStyle w:val="Normal6a"/>
              <w:rPr>
                <w:szCs w:val="24"/>
              </w:rPr>
            </w:pPr>
            <w:r w:rsidRPr="00CF6EC7">
              <w:t>26.</w:t>
            </w:r>
            <w:r w:rsidRPr="00CF6EC7">
              <w:tab/>
              <w:t xml:space="preserve">ag tabhairt dá haire go raibh sciar an mhaoinithe a soláthraíodh do bhóithre, do mhótarbhealaí agus don aeriompar in 2018 níos airde ná meán 2014-2018 ach go raibh an maoiniú a soláthraíodh d’iarnróid in 2018 níos ísle ná meán 2014-2018; á thabhairt dá haire gurb ionann an maoiniú iomlán a soláthraíodh don aeriompar in 2018 agus EUR 725 mhilliún; ag tnúth leis an athbhreithniú a dhéanfaidh BEI ar a Bheartas Iasachtaithe Iompair; ag iarraidh go mbeadh beartas nua maoinithe iompair ann chun earnáil iompair AE a dhícharbónú faoi 2050; </w:t>
            </w:r>
            <w:r w:rsidRPr="00CF6EC7">
              <w:rPr>
                <w:b/>
                <w:i/>
              </w:rPr>
              <w:t>á iarraidh ar BEI deireadh a chur le gach tacaíocht d’aerárthaí a bhfuil ceirisín mar bhreosla acu agus a thacaíocht a nascadh go docht leis an mbonneagar aerfoirt atá ann cheana a dhéanamh níos inbhuanaithe agus ag brath ar nach méadóidh na haerfoirt is faighteoirí a n-acmhainneacht;</w:t>
            </w:r>
          </w:p>
        </w:tc>
      </w:tr>
    </w:tbl>
    <w:p w14:paraId="33C2E8BC" w14:textId="77777777" w:rsidR="00926656" w:rsidRPr="00CF6EC7" w:rsidRDefault="00502CF5" w:rsidP="00EA08DF">
      <w:pPr>
        <w:pStyle w:val="AmOrLang"/>
      </w:pPr>
      <w:r w:rsidRPr="00CF6EC7">
        <w:t xml:space="preserve">Or. </w:t>
      </w:r>
      <w:r w:rsidRPr="00CF6EC7">
        <w:rPr>
          <w:rStyle w:val="HideTWBExt"/>
          <w:noProof w:val="0"/>
        </w:rPr>
        <w:t>&lt;Original&gt;</w:t>
      </w:r>
      <w:r w:rsidR="00BE49DB" w:rsidRPr="00CF6EC7">
        <w:rPr>
          <w:rStyle w:val="HideTWBInt"/>
        </w:rPr>
        <w:t>{EN}</w:t>
      </w:r>
      <w:r w:rsidR="00BE49DB" w:rsidRPr="00CF6EC7">
        <w:t>en</w:t>
      </w:r>
      <w:r w:rsidRPr="00CF6EC7">
        <w:rPr>
          <w:rStyle w:val="HideTWBExt"/>
          <w:noProof w:val="0"/>
        </w:rPr>
        <w:t>&lt;/Original&gt;</w:t>
      </w:r>
    </w:p>
    <w:p w14:paraId="576736AF" w14:textId="77777777" w:rsidR="006959AA" w:rsidRPr="00CF6EC7" w:rsidRDefault="006959AA" w:rsidP="00926656">
      <w:pPr>
        <w:sectPr w:rsidR="006959AA" w:rsidRPr="00CF6EC7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DA9AEDE" w14:textId="77777777" w:rsidR="006959AA" w:rsidRPr="00CF6EC7" w:rsidRDefault="00502CF5" w:rsidP="006959AA">
      <w:r w:rsidRPr="00CF6EC7">
        <w:rPr>
          <w:rStyle w:val="HideTWBExt"/>
          <w:noProof w:val="0"/>
        </w:rPr>
        <w:lastRenderedPageBreak/>
        <w:t>&lt;/Amend&gt;</w:t>
      </w:r>
      <w:bookmarkEnd w:id="1"/>
    </w:p>
    <w:p w14:paraId="61A64593" w14:textId="77777777" w:rsidR="00BE49DB" w:rsidRPr="00CF6EC7" w:rsidRDefault="00502CF5" w:rsidP="00BF663B">
      <w:pPr>
        <w:pStyle w:val="AmDateTab"/>
      </w:pPr>
      <w:r w:rsidRPr="00CF6EC7">
        <w:rPr>
          <w:rStyle w:val="HideTWBExt"/>
          <w:noProof w:val="0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</w:rPr>
        <w:t>&lt;/Date&gt;</w:t>
      </w:r>
      <w:r w:rsidRPr="00CF6EC7">
        <w:tab/>
      </w:r>
      <w:r w:rsidRPr="00CF6EC7">
        <w:rPr>
          <w:rStyle w:val="HideTWBExt"/>
          <w:noProof w:val="0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</w:rPr>
        <w:t>&lt;/ANo&gt;</w:t>
      </w:r>
      <w:r w:rsidRPr="00CF6EC7">
        <w:t>/</w:t>
      </w:r>
      <w:r w:rsidRPr="00CF6EC7">
        <w:rPr>
          <w:rStyle w:val="HideTWBExt"/>
          <w:noProof w:val="0"/>
        </w:rPr>
        <w:t>&lt;NumAm&gt;</w:t>
      </w:r>
      <w:r w:rsidRPr="00CF6EC7">
        <w:t>11</w:t>
      </w:r>
      <w:r w:rsidRPr="00CF6EC7">
        <w:rPr>
          <w:rStyle w:val="HideTWBExt"/>
          <w:noProof w:val="0"/>
        </w:rPr>
        <w:t>&lt;/NumAm&gt;</w:t>
      </w:r>
    </w:p>
    <w:p w14:paraId="42C80AD1" w14:textId="77777777" w:rsidR="00BE49DB" w:rsidRPr="00CF6EC7" w:rsidRDefault="00502CF5" w:rsidP="00BF663B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</w:rPr>
        <w:t>&lt;NumAm&gt;</w:t>
      </w:r>
      <w:r w:rsidRPr="00CF6EC7">
        <w:t>11</w:t>
      </w:r>
      <w:r w:rsidRPr="00CF6EC7">
        <w:rPr>
          <w:rStyle w:val="HideTWBExt"/>
          <w:b w:val="0"/>
          <w:noProof w:val="0"/>
        </w:rPr>
        <w:t>&lt;/NumAm&gt;</w:t>
      </w:r>
    </w:p>
    <w:p w14:paraId="0F53DBC8" w14:textId="77777777" w:rsidR="00BE49DB" w:rsidRPr="00CF6EC7" w:rsidRDefault="00502CF5" w:rsidP="00BF663B">
      <w:pPr>
        <w:pStyle w:val="NormalBold"/>
      </w:pPr>
      <w:r w:rsidRPr="00CF6EC7">
        <w:rPr>
          <w:rStyle w:val="HideTWBExt"/>
          <w:b w:val="0"/>
          <w:noProof w:val="0"/>
        </w:rPr>
        <w:t>&lt;RepeatBlock-By&gt;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Members&gt;</w:t>
      </w:r>
    </w:p>
    <w:p w14:paraId="1F2331B1" w14:textId="77777777" w:rsidR="00BE49DB" w:rsidRPr="00CF6EC7" w:rsidRDefault="00502CF5" w:rsidP="00BF663B">
      <w:r w:rsidRPr="00CF6EC7">
        <w:rPr>
          <w:rStyle w:val="HideTWBExt"/>
          <w:noProof w:val="0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</w:rPr>
        <w:t>&lt;/AuNomDe&gt;</w:t>
      </w:r>
    </w:p>
    <w:p w14:paraId="24362952" w14:textId="77777777" w:rsidR="00BE49DB" w:rsidRPr="00CF6EC7" w:rsidRDefault="00502CF5" w:rsidP="00BF663B">
      <w:r w:rsidRPr="00CF6EC7">
        <w:rPr>
          <w:rStyle w:val="HideTWBExt"/>
          <w:bCs/>
          <w:noProof w:val="0"/>
        </w:rPr>
        <w:t>&lt;/By&gt;</w:t>
      </w:r>
      <w:r w:rsidRPr="00CF6EC7">
        <w:rPr>
          <w:rStyle w:val="HideTWBExt"/>
          <w:noProof w:val="0"/>
        </w:rPr>
        <w:t>&lt;/RepeatBlock-By&gt;</w:t>
      </w:r>
    </w:p>
    <w:p w14:paraId="4CDBF658" w14:textId="77777777" w:rsidR="00BE49DB" w:rsidRPr="00CF6EC7" w:rsidRDefault="00502CF5" w:rsidP="00BF663B">
      <w:pPr>
        <w:pStyle w:val="AmDocTypeTab"/>
      </w:pPr>
      <w:r w:rsidRPr="00CF6EC7">
        <w:rPr>
          <w:rStyle w:val="HideTWBExt"/>
          <w:b w:val="0"/>
          <w:noProof w:val="0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2D8679B8" w14:textId="77777777" w:rsidR="00BE49DB" w:rsidRPr="00CF6EC7" w:rsidRDefault="00502CF5" w:rsidP="00BF663B">
      <w:pPr>
        <w:pStyle w:val="NormalBold"/>
      </w:pPr>
      <w:r w:rsidRPr="00CF6EC7">
        <w:rPr>
          <w:rStyle w:val="HideTWBExt"/>
          <w:b w:val="0"/>
          <w:noProof w:val="0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Rapporteur&gt;</w:t>
      </w:r>
    </w:p>
    <w:p w14:paraId="1AF842F7" w14:textId="77777777" w:rsidR="00BE49DB" w:rsidRPr="00CF6EC7" w:rsidRDefault="00502CF5" w:rsidP="00BF663B">
      <w:r w:rsidRPr="00CF6EC7">
        <w:rPr>
          <w:rStyle w:val="HideTWBExt"/>
          <w:noProof w:val="0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</w:rPr>
        <w:t>&lt;/Titre&gt;</w:t>
      </w:r>
    </w:p>
    <w:p w14:paraId="412DBD45" w14:textId="77777777" w:rsidR="00BE49DB" w:rsidRPr="00CF6EC7" w:rsidRDefault="00502CF5" w:rsidP="00BF663B">
      <w:pPr>
        <w:pStyle w:val="Normal12a"/>
      </w:pPr>
      <w:r w:rsidRPr="00CF6EC7">
        <w:rPr>
          <w:rStyle w:val="HideTWBExt"/>
          <w:noProof w:val="0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</w:rPr>
        <w:t>&lt;/DocRef&gt;</w:t>
      </w:r>
    </w:p>
    <w:p w14:paraId="12C2DB1B" w14:textId="77777777" w:rsidR="00BE49DB" w:rsidRPr="00CF6EC7" w:rsidRDefault="00502CF5" w:rsidP="00BF663B">
      <w:pPr>
        <w:pStyle w:val="NormalBold"/>
      </w:pPr>
      <w:r w:rsidRPr="00CF6EC7">
        <w:rPr>
          <w:rStyle w:val="HideTWBExt"/>
          <w:b w:val="0"/>
          <w:noProof w:val="0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</w:rPr>
        <w:t>&lt;/DocAmend&gt;</w:t>
      </w:r>
    </w:p>
    <w:p w14:paraId="585C68E2" w14:textId="77777777" w:rsidR="00BE49DB" w:rsidRPr="00CF6EC7" w:rsidRDefault="00502CF5" w:rsidP="00BF663B">
      <w:pPr>
        <w:pStyle w:val="NormalBold"/>
      </w:pPr>
      <w:r w:rsidRPr="00CF6EC7">
        <w:rPr>
          <w:rStyle w:val="HideTWBExt"/>
          <w:b w:val="0"/>
          <w:noProof w:val="0"/>
        </w:rPr>
        <w:t>&lt;Article&gt;</w:t>
      </w:r>
      <w:r w:rsidRPr="00CF6EC7">
        <w:t>Mír 28</w:t>
      </w:r>
      <w:r w:rsidRPr="00CF6EC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00C1" w:rsidRPr="00CF6EC7" w14:paraId="1D35C061" w14:textId="77777777" w:rsidTr="006959AA">
        <w:trPr>
          <w:jc w:val="center"/>
        </w:trPr>
        <w:tc>
          <w:tcPr>
            <w:tcW w:w="9752" w:type="dxa"/>
            <w:gridSpan w:val="2"/>
          </w:tcPr>
          <w:p w14:paraId="6C308A47" w14:textId="77777777" w:rsidR="00BE49DB" w:rsidRPr="00CF6EC7" w:rsidRDefault="00BE49DB" w:rsidP="00EE4A94">
            <w:pPr>
              <w:keepNext/>
            </w:pPr>
          </w:p>
        </w:tc>
      </w:tr>
      <w:tr w:rsidR="009C00C1" w:rsidRPr="00CF6EC7" w14:paraId="18BAD260" w14:textId="77777777" w:rsidTr="006959AA">
        <w:trPr>
          <w:jc w:val="center"/>
        </w:trPr>
        <w:tc>
          <w:tcPr>
            <w:tcW w:w="4876" w:type="dxa"/>
          </w:tcPr>
          <w:p w14:paraId="32220302" w14:textId="77777777" w:rsidR="00BE49DB" w:rsidRPr="00CF6EC7" w:rsidRDefault="00502CF5" w:rsidP="00EE4A94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876" w:type="dxa"/>
          </w:tcPr>
          <w:p w14:paraId="5DDA3F4A" w14:textId="77777777" w:rsidR="00BE49DB" w:rsidRPr="00CF6EC7" w:rsidRDefault="00502CF5" w:rsidP="00EE4A94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39594290" w14:textId="77777777" w:rsidTr="006959AA">
        <w:trPr>
          <w:jc w:val="center"/>
        </w:trPr>
        <w:tc>
          <w:tcPr>
            <w:tcW w:w="4876" w:type="dxa"/>
          </w:tcPr>
          <w:p w14:paraId="52257435" w14:textId="77777777" w:rsidR="00BE49DB" w:rsidRPr="00CF6EC7" w:rsidRDefault="00502CF5" w:rsidP="00BE2400">
            <w:pPr>
              <w:pStyle w:val="Normal6a"/>
              <w:rPr>
                <w:b/>
                <w:i/>
              </w:rPr>
            </w:pPr>
            <w:r w:rsidRPr="00CF6EC7">
              <w:t>28.</w:t>
            </w:r>
            <w:r w:rsidRPr="00CF6EC7">
              <w:rPr>
                <w:b/>
                <w:i/>
              </w:rPr>
              <w:tab/>
            </w:r>
            <w:r w:rsidRPr="00CF6EC7">
              <w:t xml:space="preserve">ag iarraidh </w:t>
            </w:r>
            <w:r w:rsidRPr="00CF6EC7">
              <w:rPr>
                <w:b/>
                <w:i/>
              </w:rPr>
              <w:t>go gcuirfí beartais nua chun feidhme in</w:t>
            </w:r>
            <w:r w:rsidRPr="00CF6EC7">
              <w:t xml:space="preserve"> earnálacha tionsclaíocha ar mó a lorg carbóin </w:t>
            </w:r>
            <w:r w:rsidRPr="00CF6EC7">
              <w:rPr>
                <w:b/>
                <w:i/>
              </w:rPr>
              <w:t>ina bhfuil BEI gníomhach,</w:t>
            </w:r>
            <w:r w:rsidRPr="00CF6EC7">
              <w:t xml:space="preserve"> amhail stroighin, peitriceimiceáin agus cruach</w:t>
            </w:r>
            <w:r w:rsidRPr="00CF6EC7">
              <w:rPr>
                <w:b/>
                <w:i/>
              </w:rPr>
              <w:t>, d’fhonn díriú ar inbhuanaitheacht na n-earnálacha sin agus na hiarmhairtí a bhaineann le conarthaí leanúnacha a fhoirceannadh a mheas go cúramach, ag díriú ar gheilleagar ciorclach a chur chun cinn</w:t>
            </w:r>
            <w:r w:rsidRPr="00CF6EC7">
              <w:t>;</w:t>
            </w:r>
          </w:p>
        </w:tc>
        <w:tc>
          <w:tcPr>
            <w:tcW w:w="4876" w:type="dxa"/>
          </w:tcPr>
          <w:p w14:paraId="01E7EC1A" w14:textId="221E879E" w:rsidR="00BE49DB" w:rsidRPr="00CF6EC7" w:rsidRDefault="00502CF5" w:rsidP="00E77FDC">
            <w:pPr>
              <w:pStyle w:val="Normal6a"/>
              <w:rPr>
                <w:b/>
                <w:i/>
                <w:szCs w:val="24"/>
              </w:rPr>
            </w:pPr>
            <w:r w:rsidRPr="00CF6EC7">
              <w:t>28.</w:t>
            </w:r>
            <w:r w:rsidRPr="00CF6EC7">
              <w:rPr>
                <w:b/>
                <w:i/>
              </w:rPr>
              <w:tab/>
            </w:r>
            <w:r w:rsidRPr="00CF6EC7">
              <w:t xml:space="preserve">á iarraidh </w:t>
            </w:r>
            <w:r w:rsidRPr="00CF6EC7">
              <w:rPr>
                <w:b/>
                <w:i/>
              </w:rPr>
              <w:t>ar BEI féachaint chuige go mbeidh pleananna nithiúla dícharbónaithe ina gcoinníoll le haghaidh tacaíocht uaidh</w:t>
            </w:r>
            <w:r w:rsidRPr="00CF6EC7">
              <w:t xml:space="preserve"> d’earnálacha tionsclaíocha ar mór a lorg carbóin amhail stroighin, peitriceimiceáin agus cruach;</w:t>
            </w:r>
          </w:p>
        </w:tc>
      </w:tr>
    </w:tbl>
    <w:p w14:paraId="305B7318" w14:textId="77777777" w:rsidR="00BE49DB" w:rsidRPr="00CF6EC7" w:rsidRDefault="00502CF5" w:rsidP="00BF663B">
      <w:pPr>
        <w:pStyle w:val="AmOrLang"/>
      </w:pPr>
      <w:r w:rsidRPr="00CF6EC7">
        <w:t xml:space="preserve">Or. </w:t>
      </w:r>
      <w:r w:rsidRPr="00CF6EC7">
        <w:rPr>
          <w:rStyle w:val="HideTWBExt"/>
          <w:rFonts w:eastAsiaTheme="majorEastAsia"/>
          <w:noProof w:val="0"/>
        </w:rPr>
        <w:t>&lt;Original&gt;</w:t>
      </w:r>
      <w:r w:rsidRPr="00CF6EC7">
        <w:rPr>
          <w:rStyle w:val="HideTWBInt"/>
        </w:rPr>
        <w:t>{EN}</w:t>
      </w:r>
      <w:r w:rsidRPr="00CF6EC7">
        <w:t>en</w:t>
      </w:r>
      <w:r w:rsidRPr="00CF6EC7">
        <w:rPr>
          <w:rStyle w:val="HideTWBExt"/>
          <w:rFonts w:eastAsiaTheme="majorEastAsia"/>
          <w:noProof w:val="0"/>
        </w:rPr>
        <w:t>&lt;/Original&gt;</w:t>
      </w:r>
    </w:p>
    <w:p w14:paraId="3F5B35F6" w14:textId="77777777" w:rsidR="00BE49DB" w:rsidRPr="00CF6EC7" w:rsidRDefault="00BE49DB" w:rsidP="00BF663B">
      <w:pPr>
        <w:sectPr w:rsidR="00BE49DB" w:rsidRPr="00CF6EC7" w:rsidSect="00B73AA7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931FAD5" w14:textId="77777777" w:rsidR="00BE49DB" w:rsidRPr="00CF6EC7" w:rsidRDefault="00502CF5" w:rsidP="00BF663B">
      <w:r w:rsidRPr="00CF6EC7">
        <w:rPr>
          <w:rStyle w:val="HideTWBExt"/>
          <w:noProof w:val="0"/>
        </w:rPr>
        <w:lastRenderedPageBreak/>
        <w:t>&lt;/Amend&gt;</w:t>
      </w:r>
    </w:p>
    <w:p w14:paraId="7D707665" w14:textId="77777777" w:rsidR="00BE49DB" w:rsidRPr="00CF6EC7" w:rsidRDefault="00502CF5" w:rsidP="00BE49DB">
      <w:pPr>
        <w:pStyle w:val="AmDateTab"/>
      </w:pPr>
      <w:r w:rsidRPr="00CF6EC7">
        <w:rPr>
          <w:rStyle w:val="HideTWBExt"/>
          <w:noProof w:val="0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</w:rPr>
        <w:t>&lt;/Date&gt;</w:t>
      </w:r>
      <w:r w:rsidRPr="00CF6EC7">
        <w:tab/>
      </w:r>
      <w:r w:rsidRPr="00CF6EC7">
        <w:rPr>
          <w:rStyle w:val="HideTWBExt"/>
          <w:noProof w:val="0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</w:rPr>
        <w:t>&lt;/ANo&gt;</w:t>
      </w:r>
      <w:r w:rsidRPr="00CF6EC7">
        <w:t>/</w:t>
      </w:r>
      <w:r w:rsidRPr="00CF6EC7">
        <w:rPr>
          <w:rStyle w:val="HideTWBExt"/>
          <w:noProof w:val="0"/>
        </w:rPr>
        <w:t>&lt;NumAm&gt;</w:t>
      </w:r>
      <w:r w:rsidRPr="00CF6EC7">
        <w:t>12</w:t>
      </w:r>
      <w:r w:rsidRPr="00CF6EC7">
        <w:rPr>
          <w:rStyle w:val="HideTWBExt"/>
          <w:noProof w:val="0"/>
        </w:rPr>
        <w:t>&lt;/NumAm&gt;</w:t>
      </w:r>
    </w:p>
    <w:p w14:paraId="5E7B09A9" w14:textId="77777777" w:rsidR="00BE49DB" w:rsidRPr="00CF6EC7" w:rsidRDefault="00502CF5" w:rsidP="00BE49DB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</w:rPr>
        <w:t>&lt;NumAm&gt;</w:t>
      </w:r>
      <w:r w:rsidRPr="00CF6EC7">
        <w:t>12</w:t>
      </w:r>
      <w:r w:rsidRPr="00CF6EC7">
        <w:rPr>
          <w:rStyle w:val="HideTWBExt"/>
          <w:b w:val="0"/>
          <w:noProof w:val="0"/>
        </w:rPr>
        <w:t>&lt;/NumAm&gt;</w:t>
      </w:r>
    </w:p>
    <w:p w14:paraId="312E73BC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RepeatBlock-By&gt;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Members&gt;</w:t>
      </w:r>
    </w:p>
    <w:p w14:paraId="5E1AB6E1" w14:textId="77777777" w:rsidR="00BE49DB" w:rsidRPr="00CF6EC7" w:rsidRDefault="00502CF5" w:rsidP="00BE49DB">
      <w:r w:rsidRPr="00CF6EC7">
        <w:rPr>
          <w:rStyle w:val="HideTWBExt"/>
          <w:noProof w:val="0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</w:rPr>
        <w:t>&lt;/AuNomDe&gt;</w:t>
      </w:r>
    </w:p>
    <w:p w14:paraId="41E6CFCC" w14:textId="77777777" w:rsidR="00BE49DB" w:rsidRPr="00CF6EC7" w:rsidRDefault="00502CF5" w:rsidP="00BE49DB">
      <w:r w:rsidRPr="00CF6EC7">
        <w:rPr>
          <w:rStyle w:val="HideTWBExt"/>
          <w:bCs/>
          <w:noProof w:val="0"/>
        </w:rPr>
        <w:t>&lt;/By&gt;</w:t>
      </w:r>
      <w:r w:rsidRPr="00CF6EC7">
        <w:rPr>
          <w:rStyle w:val="HideTWBExt"/>
          <w:noProof w:val="0"/>
        </w:rPr>
        <w:t>&lt;/RepeatBlock-By&gt;</w:t>
      </w:r>
    </w:p>
    <w:p w14:paraId="4EBE9AD4" w14:textId="77777777" w:rsidR="00BE49DB" w:rsidRPr="00CF6EC7" w:rsidRDefault="00502CF5" w:rsidP="00BE49DB">
      <w:pPr>
        <w:pStyle w:val="AmDocTypeTab"/>
      </w:pPr>
      <w:r w:rsidRPr="00CF6EC7">
        <w:rPr>
          <w:rStyle w:val="HideTWBExt"/>
          <w:b w:val="0"/>
          <w:noProof w:val="0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01468911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Rapporteur&gt;</w:t>
      </w:r>
    </w:p>
    <w:p w14:paraId="0A0500AF" w14:textId="77777777" w:rsidR="00BE49DB" w:rsidRPr="00CF6EC7" w:rsidRDefault="00502CF5" w:rsidP="00BE49DB">
      <w:r w:rsidRPr="00CF6EC7">
        <w:rPr>
          <w:rStyle w:val="HideTWBExt"/>
          <w:noProof w:val="0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</w:rPr>
        <w:t>&lt;/Titre&gt;</w:t>
      </w:r>
    </w:p>
    <w:p w14:paraId="7CF7F331" w14:textId="77777777" w:rsidR="00BE49DB" w:rsidRPr="00CF6EC7" w:rsidRDefault="00502CF5" w:rsidP="00BE49DB">
      <w:pPr>
        <w:pStyle w:val="Normal12a"/>
      </w:pPr>
      <w:r w:rsidRPr="00CF6EC7">
        <w:rPr>
          <w:rStyle w:val="HideTWBExt"/>
          <w:noProof w:val="0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</w:rPr>
        <w:t>&lt;/DocRef&gt;</w:t>
      </w:r>
    </w:p>
    <w:p w14:paraId="4F399E4A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</w:rPr>
        <w:t>&lt;/DocAmend&gt;</w:t>
      </w:r>
    </w:p>
    <w:p w14:paraId="707A6C4C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Article&gt;</w:t>
      </w:r>
      <w:r w:rsidRPr="00CF6EC7">
        <w:t>Mír 35</w:t>
      </w:r>
      <w:r w:rsidRPr="00CF6EC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00C1" w:rsidRPr="00CF6EC7" w14:paraId="582759CA" w14:textId="77777777" w:rsidTr="00995B81">
        <w:trPr>
          <w:jc w:val="center"/>
        </w:trPr>
        <w:tc>
          <w:tcPr>
            <w:tcW w:w="9752" w:type="dxa"/>
            <w:gridSpan w:val="2"/>
          </w:tcPr>
          <w:p w14:paraId="2399A3A3" w14:textId="77777777" w:rsidR="00BE49DB" w:rsidRPr="00CF6EC7" w:rsidRDefault="00BE49DB" w:rsidP="00995B81">
            <w:pPr>
              <w:keepNext/>
            </w:pPr>
          </w:p>
        </w:tc>
      </w:tr>
      <w:tr w:rsidR="009C00C1" w:rsidRPr="00CF6EC7" w14:paraId="3AAFFFCF" w14:textId="77777777" w:rsidTr="00995B81">
        <w:trPr>
          <w:jc w:val="center"/>
        </w:trPr>
        <w:tc>
          <w:tcPr>
            <w:tcW w:w="4876" w:type="dxa"/>
          </w:tcPr>
          <w:p w14:paraId="78AC6F59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876" w:type="dxa"/>
          </w:tcPr>
          <w:p w14:paraId="0A38A8CA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5370BD0F" w14:textId="77777777" w:rsidTr="00995B81">
        <w:trPr>
          <w:jc w:val="center"/>
        </w:trPr>
        <w:tc>
          <w:tcPr>
            <w:tcW w:w="4876" w:type="dxa"/>
          </w:tcPr>
          <w:p w14:paraId="0CF58B68" w14:textId="738696DF" w:rsidR="00BE49DB" w:rsidRPr="00CF6EC7" w:rsidRDefault="00502CF5" w:rsidP="00995B81">
            <w:pPr>
              <w:pStyle w:val="Normal6a"/>
              <w:rPr>
                <w:b/>
                <w:i/>
              </w:rPr>
            </w:pPr>
            <w:r w:rsidRPr="00CF6EC7">
              <w:t>35.</w:t>
            </w:r>
            <w:r w:rsidRPr="00CF6EC7">
              <w:rPr>
                <w:b/>
                <w:i/>
              </w:rPr>
              <w:tab/>
            </w:r>
            <w:r w:rsidRPr="00CF6EC7">
              <w:t>á mheabhrú do BEI gur príomhghné den oiriúnú don athrú aeráide í cosaint na bithéagsúlachta agus gurb é athbhunú na n-éiceachóras an t-aon teicneolaíocht chruthaithe ó thaobh astaíochtaí diúltacha de;</w:t>
            </w:r>
            <w:r w:rsidRPr="00CF6EC7">
              <w:rPr>
                <w:b/>
                <w:i/>
              </w:rPr>
              <w:t xml:space="preserve"> ag tabhairt dá haire go ndéantar measúnú riosca</w:t>
            </w:r>
            <w:r w:rsidRPr="00CF6EC7">
              <w:t xml:space="preserve"> bithéagsúlachta </w:t>
            </w:r>
            <w:r w:rsidRPr="00CF6EC7">
              <w:rPr>
                <w:b/>
                <w:i/>
              </w:rPr>
              <w:t>ar</w:t>
            </w:r>
            <w:r w:rsidRPr="00CF6EC7">
              <w:t xml:space="preserve"> thionscadail </w:t>
            </w:r>
            <w:r w:rsidRPr="00CF6EC7">
              <w:rPr>
                <w:b/>
                <w:i/>
              </w:rPr>
              <w:t>uile BEI agus nach mór dóibh Caighdeáin Bhithéagsúlachta an Bhainc a chomhlíonadh agus á iarraidh</w:t>
            </w:r>
            <w:r w:rsidRPr="00CF6EC7">
              <w:t xml:space="preserve"> go ndéanfaí a chistiú a mhéadú go suntasach chun cuspóirí AE sa réimse sin a bhaint amach, go háirithe an cuspóir maidir le glandífhoraoisiú nialasach agus cuspóirí na cosanta muirí agus cósta;</w:t>
            </w:r>
          </w:p>
        </w:tc>
        <w:tc>
          <w:tcPr>
            <w:tcW w:w="4876" w:type="dxa"/>
          </w:tcPr>
          <w:p w14:paraId="42F1DB24" w14:textId="56F37AB2" w:rsidR="00BE49DB" w:rsidRPr="00CF6EC7" w:rsidRDefault="00502CF5" w:rsidP="00995B81">
            <w:pPr>
              <w:pStyle w:val="Normal6a"/>
              <w:rPr>
                <w:b/>
                <w:i/>
                <w:szCs w:val="24"/>
              </w:rPr>
            </w:pPr>
            <w:r w:rsidRPr="00CF6EC7">
              <w:t>35.</w:t>
            </w:r>
            <w:r w:rsidRPr="00CF6EC7">
              <w:rPr>
                <w:b/>
                <w:i/>
              </w:rPr>
              <w:tab/>
            </w:r>
            <w:r w:rsidRPr="00CF6EC7">
              <w:t>á mheabhrú do BEI gur príomhghné den oiriúnú don athrú aeráide í cosaint na bithéagsúlachta agus gurb é athbhunú na n-éiceachóras an t-aon teicneolaíocht chruthaithe ó thaobh astaíochtaí diúltacha de;</w:t>
            </w:r>
            <w:r w:rsidRPr="00CF6EC7">
              <w:rPr>
                <w:b/>
                <w:i/>
              </w:rPr>
              <w:t xml:space="preserve"> á iarraidh ar BEI gealltanas a thabhairt go gcuirfidh sé deireadh le</w:t>
            </w:r>
            <w:r w:rsidRPr="00CF6EC7">
              <w:t xml:space="preserve"> tionscadail </w:t>
            </w:r>
            <w:r w:rsidRPr="00CF6EC7">
              <w:rPr>
                <w:b/>
                <w:i/>
              </w:rPr>
              <w:t>a bheith á maoiniú atá ina siocair le cailliúint agus díghrádú</w:t>
            </w:r>
            <w:r w:rsidRPr="00CF6EC7">
              <w:t xml:space="preserve"> na bithéagsúlachta </w:t>
            </w:r>
            <w:r w:rsidRPr="00CF6EC7">
              <w:rPr>
                <w:b/>
                <w:i/>
              </w:rPr>
              <w:t>agus na n-éiceachóras, agus</w:t>
            </w:r>
            <w:r w:rsidRPr="00CF6EC7">
              <w:t xml:space="preserve"> go ndéanfaidh sé a chistiú a mhéadú </w:t>
            </w:r>
            <w:r w:rsidRPr="00CF6EC7">
              <w:rPr>
                <w:b/>
                <w:i/>
              </w:rPr>
              <w:t>go suntasach</w:t>
            </w:r>
            <w:r w:rsidRPr="00CF6EC7">
              <w:t xml:space="preserve"> chun cuspóirí AE sa réimse sin a bhaint amach, go háirithe an cuspóir maidir le glandífhoraoisiú nialasach agus cuspóirí na cosanta muirí agus cósta;</w:t>
            </w:r>
          </w:p>
        </w:tc>
      </w:tr>
    </w:tbl>
    <w:p w14:paraId="2711BF25" w14:textId="77777777" w:rsidR="00BE49DB" w:rsidRPr="00CF6EC7" w:rsidRDefault="00502CF5" w:rsidP="00BE49DB">
      <w:pPr>
        <w:pStyle w:val="AmOrLang"/>
      </w:pPr>
      <w:r w:rsidRPr="00CF6EC7">
        <w:t xml:space="preserve">Or. </w:t>
      </w:r>
      <w:r w:rsidRPr="00CF6EC7">
        <w:rPr>
          <w:rStyle w:val="HideTWBExt"/>
          <w:rFonts w:eastAsiaTheme="majorEastAsia"/>
          <w:noProof w:val="0"/>
        </w:rPr>
        <w:t>&lt;Original&gt;</w:t>
      </w:r>
      <w:r w:rsidRPr="00CF6EC7">
        <w:rPr>
          <w:rStyle w:val="HideTWBInt"/>
        </w:rPr>
        <w:t>{EN}</w:t>
      </w:r>
      <w:r w:rsidRPr="00CF6EC7">
        <w:t>en</w:t>
      </w:r>
      <w:r w:rsidRPr="00CF6EC7">
        <w:rPr>
          <w:rStyle w:val="HideTWBExt"/>
          <w:rFonts w:eastAsiaTheme="majorEastAsia"/>
          <w:noProof w:val="0"/>
        </w:rPr>
        <w:t>&lt;/Original&gt;</w:t>
      </w:r>
    </w:p>
    <w:p w14:paraId="6EDEA7FC" w14:textId="77777777" w:rsidR="00BE49DB" w:rsidRPr="00CF6EC7" w:rsidRDefault="00BE49DB" w:rsidP="00BE49DB">
      <w:pPr>
        <w:sectPr w:rsidR="00BE49DB" w:rsidRPr="00CF6EC7" w:rsidSect="00B73AA7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EDF5B91" w14:textId="77777777" w:rsidR="00BE49DB" w:rsidRPr="00CF6EC7" w:rsidRDefault="00502CF5" w:rsidP="00BE49DB">
      <w:r w:rsidRPr="00CF6EC7">
        <w:rPr>
          <w:rStyle w:val="HideTWBExt"/>
          <w:noProof w:val="0"/>
        </w:rPr>
        <w:t>&lt;/Amend&gt;</w:t>
      </w:r>
    </w:p>
    <w:p w14:paraId="09C8AE9C" w14:textId="77777777" w:rsidR="00BE49DB" w:rsidRPr="00CF6EC7" w:rsidRDefault="00502CF5" w:rsidP="00BE49DB">
      <w:pPr>
        <w:pStyle w:val="AmDateTab"/>
      </w:pPr>
      <w:r w:rsidRPr="00CF6EC7">
        <w:rPr>
          <w:rStyle w:val="HideTWBExt"/>
          <w:noProof w:val="0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</w:rPr>
        <w:t>&lt;/Date&gt;</w:t>
      </w:r>
      <w:r w:rsidRPr="00CF6EC7">
        <w:tab/>
      </w:r>
      <w:r w:rsidRPr="00CF6EC7">
        <w:rPr>
          <w:rStyle w:val="HideTWBExt"/>
          <w:noProof w:val="0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</w:rPr>
        <w:t>&lt;/ANo&gt;</w:t>
      </w:r>
      <w:r w:rsidRPr="00CF6EC7">
        <w:t>/</w:t>
      </w:r>
      <w:r w:rsidRPr="00CF6EC7">
        <w:rPr>
          <w:rStyle w:val="HideTWBExt"/>
          <w:noProof w:val="0"/>
        </w:rPr>
        <w:t>&lt;NumAm&gt;</w:t>
      </w:r>
      <w:r w:rsidRPr="00CF6EC7">
        <w:t>13</w:t>
      </w:r>
      <w:r w:rsidRPr="00CF6EC7">
        <w:rPr>
          <w:rStyle w:val="HideTWBExt"/>
          <w:noProof w:val="0"/>
        </w:rPr>
        <w:t>&lt;/NumAm&gt;</w:t>
      </w:r>
    </w:p>
    <w:p w14:paraId="72DF3D8F" w14:textId="77777777" w:rsidR="00BE49DB" w:rsidRPr="00CF6EC7" w:rsidRDefault="00502CF5" w:rsidP="00BE49DB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</w:rPr>
        <w:t>&lt;NumAm&gt;</w:t>
      </w:r>
      <w:r w:rsidRPr="00CF6EC7">
        <w:t>13</w:t>
      </w:r>
      <w:r w:rsidRPr="00CF6EC7">
        <w:rPr>
          <w:rStyle w:val="HideTWBExt"/>
          <w:b w:val="0"/>
          <w:noProof w:val="0"/>
        </w:rPr>
        <w:t>&lt;/NumAm&gt;</w:t>
      </w:r>
    </w:p>
    <w:p w14:paraId="79497B33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RepeatBlock-By&gt;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Members&gt;</w:t>
      </w:r>
    </w:p>
    <w:p w14:paraId="1308553B" w14:textId="77777777" w:rsidR="00BE49DB" w:rsidRPr="00CF6EC7" w:rsidRDefault="00502CF5" w:rsidP="00BE49DB">
      <w:r w:rsidRPr="00CF6EC7">
        <w:rPr>
          <w:rStyle w:val="HideTWBExt"/>
          <w:noProof w:val="0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</w:rPr>
        <w:t>&lt;/AuNomDe&gt;</w:t>
      </w:r>
    </w:p>
    <w:p w14:paraId="41BA7C18" w14:textId="77777777" w:rsidR="00BE49DB" w:rsidRPr="00CF6EC7" w:rsidRDefault="00502CF5" w:rsidP="00BE49DB">
      <w:r w:rsidRPr="00CF6EC7">
        <w:rPr>
          <w:rStyle w:val="HideTWBExt"/>
          <w:bCs/>
          <w:noProof w:val="0"/>
        </w:rPr>
        <w:t>&lt;/By&gt;</w:t>
      </w:r>
      <w:r w:rsidRPr="00CF6EC7">
        <w:rPr>
          <w:rStyle w:val="HideTWBExt"/>
          <w:noProof w:val="0"/>
        </w:rPr>
        <w:t>&lt;/RepeatBlock-By&gt;</w:t>
      </w:r>
    </w:p>
    <w:p w14:paraId="2A377F62" w14:textId="77777777" w:rsidR="00BE49DB" w:rsidRPr="00CF6EC7" w:rsidRDefault="00502CF5" w:rsidP="00BE49DB">
      <w:pPr>
        <w:pStyle w:val="AmDocTypeTab"/>
      </w:pPr>
      <w:r w:rsidRPr="00CF6EC7">
        <w:rPr>
          <w:rStyle w:val="HideTWBExt"/>
          <w:b w:val="0"/>
          <w:noProof w:val="0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2E1EA433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</w:rPr>
        <w:t>&lt;/Rapporteur&gt;</w:t>
      </w:r>
    </w:p>
    <w:p w14:paraId="688E0AF2" w14:textId="77777777" w:rsidR="00BE49DB" w:rsidRPr="00CF6EC7" w:rsidRDefault="00502CF5" w:rsidP="00BE49DB">
      <w:r w:rsidRPr="00CF6EC7">
        <w:rPr>
          <w:rStyle w:val="HideTWBExt"/>
          <w:noProof w:val="0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</w:rPr>
        <w:t>&lt;/Titre&gt;</w:t>
      </w:r>
    </w:p>
    <w:p w14:paraId="2C46DEA0" w14:textId="77777777" w:rsidR="00BE49DB" w:rsidRPr="00CF6EC7" w:rsidRDefault="00502CF5" w:rsidP="00BE49DB">
      <w:pPr>
        <w:pStyle w:val="Normal12a"/>
      </w:pPr>
      <w:r w:rsidRPr="00CF6EC7">
        <w:rPr>
          <w:rStyle w:val="HideTWBExt"/>
          <w:noProof w:val="0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</w:rPr>
        <w:t>&lt;/DocRef&gt;</w:t>
      </w:r>
    </w:p>
    <w:p w14:paraId="35D76B81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</w:rPr>
        <w:t>&lt;/DocAmend&gt;</w:t>
      </w:r>
    </w:p>
    <w:p w14:paraId="2444035D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</w:rPr>
        <w:t>&lt;Article&gt;</w:t>
      </w:r>
      <w:r w:rsidRPr="00CF6EC7">
        <w:t>Mír 42</w:t>
      </w:r>
      <w:r w:rsidRPr="00CF6EC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00C1" w:rsidRPr="00CF6EC7" w14:paraId="58B81E4A" w14:textId="77777777" w:rsidTr="00995B81">
        <w:trPr>
          <w:jc w:val="center"/>
        </w:trPr>
        <w:tc>
          <w:tcPr>
            <w:tcW w:w="9752" w:type="dxa"/>
            <w:gridSpan w:val="2"/>
          </w:tcPr>
          <w:p w14:paraId="6041D5E8" w14:textId="77777777" w:rsidR="00BE49DB" w:rsidRPr="00CF6EC7" w:rsidRDefault="00BE49DB" w:rsidP="00995B81">
            <w:pPr>
              <w:keepNext/>
            </w:pPr>
          </w:p>
        </w:tc>
      </w:tr>
      <w:tr w:rsidR="009C00C1" w:rsidRPr="00CF6EC7" w14:paraId="67A4C38E" w14:textId="77777777" w:rsidTr="00995B81">
        <w:trPr>
          <w:jc w:val="center"/>
        </w:trPr>
        <w:tc>
          <w:tcPr>
            <w:tcW w:w="4876" w:type="dxa"/>
          </w:tcPr>
          <w:p w14:paraId="2A6EE423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876" w:type="dxa"/>
          </w:tcPr>
          <w:p w14:paraId="7B32D1BA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15E76288" w14:textId="77777777" w:rsidTr="00995B81">
        <w:trPr>
          <w:jc w:val="center"/>
        </w:trPr>
        <w:tc>
          <w:tcPr>
            <w:tcW w:w="4876" w:type="dxa"/>
          </w:tcPr>
          <w:p w14:paraId="36EF0982" w14:textId="619CCA0B" w:rsidR="00BE49DB" w:rsidRPr="00CF6EC7" w:rsidRDefault="00502CF5" w:rsidP="00995B81">
            <w:pPr>
              <w:pStyle w:val="Normal6a"/>
            </w:pPr>
            <w:r w:rsidRPr="00CF6EC7">
              <w:t>42.</w:t>
            </w:r>
            <w:r w:rsidRPr="00CF6EC7">
              <w:tab/>
            </w:r>
            <w:r w:rsidRPr="00CF6EC7">
              <w:rPr>
                <w:b/>
                <w:i/>
              </w:rPr>
              <w:t>ag tabhairt dá haire go bhfuil prionsabail</w:t>
            </w:r>
            <w:r w:rsidRPr="00CF6EC7">
              <w:t xml:space="preserve"> chearta an duine </w:t>
            </w:r>
            <w:r w:rsidRPr="00CF6EC7">
              <w:rPr>
                <w:b/>
                <w:i/>
              </w:rPr>
              <w:t>comhtháite go hiomlán i bpríomhnósanna imeachta agus príomhchaighdeáin an Bhainc maidir le dícheall cuí, lena n-áirítear measúnuithe ex-ante; á mheabhrú di go bhfuil BEI faoi cheangal go díreach ag Cairt um Chearta Bunúsacha an Aontais Eorpaigh agus go ndéantar foráil le clásail chonarthacha le cliaint do chonarthaí a chur ar fionraí i gcás sáruithe ar</w:t>
            </w:r>
            <w:r w:rsidRPr="00CF6EC7">
              <w:t xml:space="preserve"> chearta an duine</w:t>
            </w:r>
            <w:r w:rsidRPr="00CF6EC7">
              <w:rPr>
                <w:b/>
                <w:i/>
              </w:rPr>
              <w:t>; á chur in iúl gur geal léi an t-athbhreithniú ar Ráiteas 2009 maidir le Prionsabail agus Caighdeáin Chomhshaoil agus Shóisialta</w:t>
            </w:r>
            <w:r w:rsidRPr="00CF6EC7">
              <w:t>;</w:t>
            </w:r>
          </w:p>
        </w:tc>
        <w:tc>
          <w:tcPr>
            <w:tcW w:w="4876" w:type="dxa"/>
          </w:tcPr>
          <w:p w14:paraId="0B4CA1C9" w14:textId="2150EC75" w:rsidR="00BE49DB" w:rsidRPr="00CF6EC7" w:rsidRDefault="00502CF5" w:rsidP="00E77FDC">
            <w:pPr>
              <w:pStyle w:val="Normal6a"/>
              <w:rPr>
                <w:szCs w:val="24"/>
              </w:rPr>
            </w:pPr>
            <w:r w:rsidRPr="00CF6EC7">
              <w:t>42.</w:t>
            </w:r>
            <w:r w:rsidRPr="00CF6EC7">
              <w:tab/>
            </w:r>
            <w:r w:rsidRPr="00CF6EC7">
              <w:rPr>
                <w:b/>
                <w:i/>
              </w:rPr>
              <w:t>á iarraidh ar BEI tuilleadh feabhais a chur ar a bheartais ar</w:t>
            </w:r>
            <w:r w:rsidRPr="00CF6EC7">
              <w:t xml:space="preserve"> chearta an duine </w:t>
            </w:r>
            <w:r w:rsidRPr="00CF6EC7">
              <w:rPr>
                <w:b/>
                <w:i/>
              </w:rPr>
              <w:t>agus tosaíocht a dhéanamh díobh ina chuid oibríochtaí trí straitéis chuimsitheach um chearta an duine a ghlacadh, tríd an dícheall cuí i leith Chearta an Duine a threisiú do gach tionscadail agus ó thús deireadh thimthriall an tionscadail agus trí rialachas agus acmhainní a oiriúnú do chur chuige éifeachtach neamhdhíobhála; á iarraidh ar BEI, fosta, sásra éifeachtach a chur ar bun lena bhféadfadh cosantóirí</w:t>
            </w:r>
            <w:r w:rsidRPr="00CF6EC7">
              <w:t xml:space="preserve"> chearta an duine </w:t>
            </w:r>
            <w:r w:rsidRPr="00CF6EC7">
              <w:rPr>
                <w:b/>
                <w:i/>
              </w:rPr>
              <w:t>an banc a chur ar an eolas go sábháilte faoi imthosca atá ag dul in olcas nó faoi bhaol coimhlinte agus díoltais</w:t>
            </w:r>
            <w:r w:rsidRPr="00CF6EC7">
              <w:t>;</w:t>
            </w:r>
          </w:p>
        </w:tc>
      </w:tr>
    </w:tbl>
    <w:p w14:paraId="68BBABF5" w14:textId="77777777" w:rsidR="00BE49DB" w:rsidRPr="00CF6EC7" w:rsidRDefault="00502CF5" w:rsidP="00BE49DB">
      <w:pPr>
        <w:pStyle w:val="AmOrLang"/>
      </w:pPr>
      <w:r w:rsidRPr="00CF6EC7">
        <w:t xml:space="preserve">Or. </w:t>
      </w:r>
      <w:r w:rsidRPr="00CF6EC7">
        <w:rPr>
          <w:rStyle w:val="HideTWBExt"/>
          <w:rFonts w:eastAsiaTheme="majorEastAsia"/>
          <w:noProof w:val="0"/>
        </w:rPr>
        <w:t>&lt;Original&gt;</w:t>
      </w:r>
      <w:r w:rsidRPr="00CF6EC7">
        <w:rPr>
          <w:rStyle w:val="HideTWBInt"/>
        </w:rPr>
        <w:t>{EN}</w:t>
      </w:r>
      <w:r w:rsidRPr="00CF6EC7">
        <w:t>en</w:t>
      </w:r>
      <w:r w:rsidRPr="00CF6EC7">
        <w:rPr>
          <w:rStyle w:val="HideTWBExt"/>
          <w:rFonts w:eastAsiaTheme="majorEastAsia"/>
          <w:noProof w:val="0"/>
        </w:rPr>
        <w:t>&lt;/Original&gt;</w:t>
      </w:r>
    </w:p>
    <w:p w14:paraId="02C0CAD2" w14:textId="77777777" w:rsidR="00BE49DB" w:rsidRPr="00CF6EC7" w:rsidRDefault="00BE49DB" w:rsidP="00BE49DB">
      <w:pPr>
        <w:sectPr w:rsidR="00BE49DB" w:rsidRPr="00CF6EC7" w:rsidSect="00B73AA7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9319496" w14:textId="77777777" w:rsidR="00BE49DB" w:rsidRPr="00CF6EC7" w:rsidRDefault="00502CF5" w:rsidP="00BE49DB">
      <w:r w:rsidRPr="00CF6EC7">
        <w:rPr>
          <w:rStyle w:val="HideTWBExt"/>
          <w:noProof w:val="0"/>
        </w:rPr>
        <w:t>&lt;/Amend&gt;</w:t>
      </w:r>
    </w:p>
    <w:p w14:paraId="3E1DFE1C" w14:textId="77777777" w:rsidR="00BE49DB" w:rsidRPr="00CF6EC7" w:rsidRDefault="00502CF5" w:rsidP="00BE49DB">
      <w:pPr>
        <w:pStyle w:val="AmDateTab"/>
      </w:pPr>
      <w:r w:rsidRPr="00CF6EC7">
        <w:rPr>
          <w:rStyle w:val="HideTWBExt"/>
          <w:noProof w:val="0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</w:rPr>
        <w:t>&lt;/Date&gt;</w:t>
      </w:r>
      <w:r w:rsidRPr="00CF6EC7">
        <w:tab/>
      </w:r>
      <w:r w:rsidRPr="00CF6EC7">
        <w:rPr>
          <w:rStyle w:val="HideTWBExt"/>
          <w:noProof w:val="0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</w:rPr>
        <w:t>&lt;/ANo&gt;</w:t>
      </w:r>
      <w:r w:rsidRPr="00CF6EC7">
        <w:t>/</w:t>
      </w:r>
      <w:r w:rsidRPr="00CF6EC7">
        <w:rPr>
          <w:rStyle w:val="HideTWBExt"/>
          <w:noProof w:val="0"/>
        </w:rPr>
        <w:t>&lt;NumAm&gt;</w:t>
      </w:r>
      <w:r w:rsidRPr="00CF6EC7">
        <w:t>14</w:t>
      </w:r>
      <w:r w:rsidRPr="00CF6EC7">
        <w:rPr>
          <w:rStyle w:val="HideTWBExt"/>
          <w:noProof w:val="0"/>
          <w:color w:val="auto"/>
        </w:rPr>
        <w:t>&lt;/NumAm&gt;</w:t>
      </w:r>
    </w:p>
    <w:p w14:paraId="1FAA4AD2" w14:textId="77777777" w:rsidR="00BE49DB" w:rsidRPr="00CF6EC7" w:rsidRDefault="00502CF5" w:rsidP="00BE49DB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  <w:color w:val="auto"/>
        </w:rPr>
        <w:t>&lt;NumAm&gt;</w:t>
      </w:r>
      <w:r w:rsidRPr="00CF6EC7">
        <w:t>14</w:t>
      </w:r>
      <w:r w:rsidRPr="00CF6EC7">
        <w:rPr>
          <w:rStyle w:val="HideTWBExt"/>
          <w:b w:val="0"/>
          <w:noProof w:val="0"/>
          <w:color w:val="auto"/>
        </w:rPr>
        <w:t>&lt;/NumAm&gt;</w:t>
      </w:r>
    </w:p>
    <w:p w14:paraId="63051B2D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RepeatBlock-By&gt;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  <w:color w:val="auto"/>
        </w:rPr>
        <w:t>&lt;/Members&gt;</w:t>
      </w:r>
    </w:p>
    <w:p w14:paraId="55F072BA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  <w:color w:val="auto"/>
        </w:rPr>
        <w:t>&lt;/AuNomDe&gt;</w:t>
      </w:r>
    </w:p>
    <w:p w14:paraId="046E1A32" w14:textId="77777777" w:rsidR="00BE49DB" w:rsidRPr="00CF6EC7" w:rsidRDefault="00502CF5" w:rsidP="00BE49DB">
      <w:r w:rsidRPr="00CF6EC7">
        <w:rPr>
          <w:rStyle w:val="HideTWBExt"/>
          <w:bCs/>
          <w:noProof w:val="0"/>
          <w:color w:val="auto"/>
        </w:rPr>
        <w:t>&lt;/By&gt;</w:t>
      </w:r>
      <w:r w:rsidRPr="00CF6EC7">
        <w:rPr>
          <w:rStyle w:val="HideTWBExt"/>
          <w:noProof w:val="0"/>
          <w:color w:val="auto"/>
        </w:rPr>
        <w:t>&lt;/RepeatBlock-By&gt;</w:t>
      </w:r>
    </w:p>
    <w:p w14:paraId="0EEFB4BA" w14:textId="77777777" w:rsidR="00BE49DB" w:rsidRPr="00CF6EC7" w:rsidRDefault="00502CF5" w:rsidP="00BE49DB">
      <w:pPr>
        <w:pStyle w:val="AmDocTypeTab"/>
      </w:pPr>
      <w:r w:rsidRPr="00CF6EC7">
        <w:rPr>
          <w:rStyle w:val="HideTWBExt"/>
          <w:b w:val="0"/>
          <w:noProof w:val="0"/>
          <w:color w:val="auto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  <w:color w:val="auto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1CF4FEC4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  <w:color w:val="auto"/>
        </w:rPr>
        <w:t>&lt;/Rapporteur&gt;</w:t>
      </w:r>
    </w:p>
    <w:p w14:paraId="7DDE6BB5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  <w:color w:val="auto"/>
        </w:rPr>
        <w:t>&lt;/Titre&gt;</w:t>
      </w:r>
    </w:p>
    <w:p w14:paraId="58D6FC08" w14:textId="77777777" w:rsidR="00BE49DB" w:rsidRPr="00CF6EC7" w:rsidRDefault="00502CF5" w:rsidP="00BE49DB">
      <w:pPr>
        <w:pStyle w:val="Normal12a"/>
      </w:pPr>
      <w:r w:rsidRPr="00CF6EC7">
        <w:rPr>
          <w:rStyle w:val="HideTWBExt"/>
          <w:noProof w:val="0"/>
          <w:color w:val="auto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  <w:color w:val="auto"/>
        </w:rPr>
        <w:t>&lt;/DocRef&gt;</w:t>
      </w:r>
    </w:p>
    <w:p w14:paraId="4A8FB3B8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  <w:color w:val="auto"/>
        </w:rPr>
        <w:t>&lt;/DocAmend&gt;</w:t>
      </w:r>
    </w:p>
    <w:p w14:paraId="05EE7A81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Article&gt;</w:t>
      </w:r>
      <w:r w:rsidRPr="00CF6EC7">
        <w:t>Mír 71 a (nua)</w:t>
      </w:r>
      <w:r w:rsidRPr="00CF6EC7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00C1" w:rsidRPr="00CF6EC7" w14:paraId="770E3853" w14:textId="77777777" w:rsidTr="00995B81">
        <w:trPr>
          <w:jc w:val="center"/>
        </w:trPr>
        <w:tc>
          <w:tcPr>
            <w:tcW w:w="9752" w:type="dxa"/>
            <w:gridSpan w:val="2"/>
          </w:tcPr>
          <w:p w14:paraId="28DE667B" w14:textId="77777777" w:rsidR="00BE49DB" w:rsidRPr="00CF6EC7" w:rsidRDefault="00BE49DB" w:rsidP="00995B81">
            <w:pPr>
              <w:keepNext/>
            </w:pPr>
          </w:p>
        </w:tc>
      </w:tr>
      <w:tr w:rsidR="009C00C1" w:rsidRPr="00CF6EC7" w14:paraId="44603A73" w14:textId="77777777" w:rsidTr="00995B81">
        <w:trPr>
          <w:jc w:val="center"/>
        </w:trPr>
        <w:tc>
          <w:tcPr>
            <w:tcW w:w="4876" w:type="dxa"/>
          </w:tcPr>
          <w:p w14:paraId="7793B877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876" w:type="dxa"/>
          </w:tcPr>
          <w:p w14:paraId="7918B838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4F8E5A64" w14:textId="77777777" w:rsidTr="00995B81">
        <w:trPr>
          <w:jc w:val="center"/>
        </w:trPr>
        <w:tc>
          <w:tcPr>
            <w:tcW w:w="4876" w:type="dxa"/>
          </w:tcPr>
          <w:p w14:paraId="3AAF1C3A" w14:textId="77777777" w:rsidR="00BE49DB" w:rsidRPr="00CF6EC7" w:rsidRDefault="00BE49DB" w:rsidP="00995B81">
            <w:pPr>
              <w:pStyle w:val="Normal6a"/>
            </w:pPr>
          </w:p>
        </w:tc>
        <w:tc>
          <w:tcPr>
            <w:tcW w:w="4876" w:type="dxa"/>
          </w:tcPr>
          <w:p w14:paraId="6ADABDBA" w14:textId="3BC1DDC2" w:rsidR="00BE49DB" w:rsidRPr="00CF6EC7" w:rsidRDefault="00502CF5" w:rsidP="00995B81">
            <w:pPr>
              <w:pStyle w:val="Normal6a"/>
              <w:rPr>
                <w:b/>
                <w:i/>
              </w:rPr>
            </w:pPr>
            <w:r w:rsidRPr="00CF6EC7">
              <w:rPr>
                <w:b/>
                <w:i/>
              </w:rPr>
              <w:t>71a.</w:t>
            </w:r>
            <w:r w:rsidRPr="00CF6EC7">
              <w:rPr>
                <w:b/>
                <w:i/>
              </w:rPr>
              <w:tab/>
              <w:t>Á chur in iúl gur cúis mhór bhuartha dó an t-alt</w:t>
            </w:r>
            <w:r w:rsidRPr="00CF6EC7">
              <w:rPr>
                <w:rStyle w:val="SupBoldItalic"/>
              </w:rPr>
              <w:t>1a</w:t>
            </w:r>
            <w:r w:rsidRPr="00CF6EC7">
              <w:rPr>
                <w:b/>
                <w:i/>
              </w:rPr>
              <w:t xml:space="preserve"> le déanaí maidir le hiniúchóireacht inmheánach a rinneadh ar BEI inar aimsíodh easnaimh thromchúiseacha i gcur i bhfeidhm chaighdeáin frithsciúrtha airgid an Bhainc; á chur in iúl gur geal leis go bhfuil aghaidh á tabhairt ag BEI ar na heasnaimh sin, agus ag tathant air a chuid oibre a thabhairt i gcrích mar ábhar tosaíochta, agus tuairisciú do Pharlaimint na hEorpa ar na bearta nithiúla a rinneadh, go háirithe na bearta sin chun dícheall cuí ar chliaint a neartú; á iarraidh ar BEI an tuairisc ón iniúchóireacht inmheánach thuasluaite a roinnt leis an bParlaimint agus achoimre fhiúntach de a fhoilsiú, mar aon le measúnú mionsonraithe ar conas ar tugadh aghaidh go héifeachtach ar gach easnamh a chur ar fáil don phobal i gcoitinne;</w:t>
            </w:r>
          </w:p>
          <w:p w14:paraId="64AD6E8C" w14:textId="77777777" w:rsidR="00BE49DB" w:rsidRPr="00CF6EC7" w:rsidRDefault="00502CF5" w:rsidP="00995B81">
            <w:pPr>
              <w:pStyle w:val="Normal6a"/>
              <w:rPr>
                <w:b/>
                <w:i/>
              </w:rPr>
            </w:pPr>
            <w:r w:rsidRPr="00CF6EC7">
              <w:rPr>
                <w:b/>
                <w:i/>
              </w:rPr>
              <w:t>_________________________</w:t>
            </w:r>
          </w:p>
          <w:p w14:paraId="2587387A" w14:textId="08D38D5B" w:rsidR="00BE49DB" w:rsidRPr="00CF6EC7" w:rsidRDefault="00502CF5" w:rsidP="00995B81">
            <w:pPr>
              <w:pStyle w:val="Normal6a"/>
              <w:rPr>
                <w:szCs w:val="24"/>
              </w:rPr>
            </w:pPr>
            <w:r w:rsidRPr="00CF6EC7">
              <w:rPr>
                <w:b/>
                <w:i/>
                <w:vertAlign w:val="superscript"/>
              </w:rPr>
              <w:t>1a</w:t>
            </w:r>
            <w:r w:rsidRPr="00CF6EC7">
              <w:rPr>
                <w:b/>
                <w:i/>
              </w:rPr>
              <w:t xml:space="preserve"> Luxembourg Times, ‘EIB under scrutiny for failings after whistleblowing complaints’, an 21 Aibreán 2020.</w:t>
            </w:r>
          </w:p>
        </w:tc>
      </w:tr>
    </w:tbl>
    <w:p w14:paraId="232E7F67" w14:textId="77777777" w:rsidR="00BE49DB" w:rsidRPr="00CF6EC7" w:rsidRDefault="00502CF5" w:rsidP="00BE49DB">
      <w:pPr>
        <w:pStyle w:val="AmOrLang"/>
      </w:pPr>
      <w:r w:rsidRPr="00CF6EC7">
        <w:t xml:space="preserve">Or. </w:t>
      </w:r>
      <w:r w:rsidRPr="00CF6EC7">
        <w:rPr>
          <w:rStyle w:val="HideTWBExt"/>
          <w:rFonts w:eastAsiaTheme="majorEastAsia"/>
          <w:noProof w:val="0"/>
          <w:color w:val="auto"/>
        </w:rPr>
        <w:t>&lt;Original&gt;</w:t>
      </w:r>
      <w:r w:rsidRPr="00CF6EC7">
        <w:rPr>
          <w:rStyle w:val="HideTWBInt"/>
        </w:rPr>
        <w:t>{EN}</w:t>
      </w:r>
      <w:r w:rsidRPr="00CF6EC7">
        <w:t>en</w:t>
      </w:r>
      <w:r w:rsidRPr="00CF6EC7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49DA5A6C" w14:textId="77777777" w:rsidR="00BE49DB" w:rsidRPr="00CF6EC7" w:rsidRDefault="00BE49DB" w:rsidP="00BE49DB">
      <w:pPr>
        <w:sectPr w:rsidR="00BE49DB" w:rsidRPr="00CF6EC7" w:rsidSect="00B73AA7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8CBD06D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/Amend&gt;</w:t>
      </w:r>
    </w:p>
    <w:p w14:paraId="1E07D4B8" w14:textId="77777777" w:rsidR="00BE49DB" w:rsidRPr="00CF6EC7" w:rsidRDefault="00502CF5" w:rsidP="00BE49DB">
      <w:pPr>
        <w:pStyle w:val="AmDateTab"/>
      </w:pPr>
      <w:r w:rsidRPr="00CF6EC7">
        <w:rPr>
          <w:rStyle w:val="HideTWBExt"/>
          <w:noProof w:val="0"/>
          <w:color w:val="auto"/>
        </w:rPr>
        <w:t>&lt;Amend&gt;&lt;Date&gt;</w:t>
      </w:r>
      <w:r w:rsidRPr="00CF6EC7">
        <w:rPr>
          <w:rStyle w:val="HideTWBInt"/>
        </w:rPr>
        <w:t>{01/07/2020}</w:t>
      </w:r>
      <w:r w:rsidRPr="00CF6EC7">
        <w:t>1.7.2020</w:t>
      </w:r>
      <w:r w:rsidRPr="00CF6EC7">
        <w:rPr>
          <w:rStyle w:val="HideTWBExt"/>
          <w:noProof w:val="0"/>
          <w:color w:val="auto"/>
        </w:rPr>
        <w:t>&lt;/Date&gt;</w:t>
      </w:r>
      <w:r w:rsidRPr="00CF6EC7">
        <w:tab/>
      </w:r>
      <w:r w:rsidRPr="00CF6EC7">
        <w:rPr>
          <w:rStyle w:val="HideTWBExt"/>
          <w:noProof w:val="0"/>
          <w:color w:val="auto"/>
        </w:rPr>
        <w:t>&lt;ANo&gt;</w:t>
      </w:r>
      <w:r w:rsidRPr="00CF6EC7">
        <w:t>A9</w:t>
      </w:r>
      <w:r w:rsidRPr="00CF6EC7">
        <w:noBreakHyphen/>
        <w:t>0118</w:t>
      </w:r>
      <w:r w:rsidRPr="00CF6EC7">
        <w:rPr>
          <w:rStyle w:val="HideTWBExt"/>
          <w:noProof w:val="0"/>
          <w:color w:val="auto"/>
        </w:rPr>
        <w:t>&lt;/ANo&gt;</w:t>
      </w:r>
      <w:r w:rsidRPr="00CF6EC7">
        <w:t>/</w:t>
      </w:r>
      <w:r w:rsidRPr="00CF6EC7">
        <w:rPr>
          <w:rStyle w:val="HideTWBExt"/>
          <w:noProof w:val="0"/>
          <w:color w:val="auto"/>
        </w:rPr>
        <w:t>&lt;NumAm&gt;</w:t>
      </w:r>
      <w:r w:rsidRPr="00CF6EC7">
        <w:t>15</w:t>
      </w:r>
      <w:r w:rsidRPr="00CF6EC7">
        <w:rPr>
          <w:rStyle w:val="HideTWBExt"/>
          <w:noProof w:val="0"/>
          <w:color w:val="auto"/>
        </w:rPr>
        <w:t>&lt;/NumAm&gt;</w:t>
      </w:r>
    </w:p>
    <w:p w14:paraId="2D7858A2" w14:textId="77777777" w:rsidR="00BE49DB" w:rsidRPr="00CF6EC7" w:rsidRDefault="00502CF5" w:rsidP="00BE49DB">
      <w:pPr>
        <w:pStyle w:val="AmNumberTabs"/>
      </w:pPr>
      <w:r w:rsidRPr="00CF6EC7">
        <w:t>Leasú</w:t>
      </w:r>
      <w:r w:rsidRPr="00CF6EC7">
        <w:tab/>
      </w:r>
      <w:r w:rsidRPr="00CF6EC7">
        <w:tab/>
      </w:r>
      <w:r w:rsidRPr="00CF6EC7">
        <w:rPr>
          <w:rStyle w:val="HideTWBExt"/>
          <w:b w:val="0"/>
          <w:noProof w:val="0"/>
          <w:color w:val="auto"/>
        </w:rPr>
        <w:t>&lt;NumAm&gt;</w:t>
      </w:r>
      <w:r w:rsidRPr="00CF6EC7">
        <w:t>15</w:t>
      </w:r>
      <w:r w:rsidRPr="00CF6EC7">
        <w:rPr>
          <w:rStyle w:val="HideTWBExt"/>
          <w:b w:val="0"/>
          <w:noProof w:val="0"/>
          <w:color w:val="auto"/>
        </w:rPr>
        <w:t>&lt;/NumAm&gt;</w:t>
      </w:r>
    </w:p>
    <w:p w14:paraId="7CED04C2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RepeatBlock-By&gt;&lt;By&gt;&lt;Members&gt;</w:t>
      </w:r>
      <w:r w:rsidRPr="00CF6EC7">
        <w:t>Bas Eickhout</w:t>
      </w:r>
      <w:r w:rsidRPr="00CF6EC7">
        <w:rPr>
          <w:rStyle w:val="HideTWBExt"/>
          <w:b w:val="0"/>
          <w:noProof w:val="0"/>
          <w:color w:val="auto"/>
        </w:rPr>
        <w:t>&lt;/Members&gt;</w:t>
      </w:r>
    </w:p>
    <w:p w14:paraId="2BDC7260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AuNomDe&gt;</w:t>
      </w:r>
      <w:r w:rsidRPr="00CF6EC7">
        <w:rPr>
          <w:rStyle w:val="HideTWBInt"/>
        </w:rPr>
        <w:t>{Verts/ALE}</w:t>
      </w:r>
      <w:r w:rsidRPr="00CF6EC7">
        <w:t>thar ceann Ghrúpa Verts/ALE</w:t>
      </w:r>
      <w:r w:rsidRPr="00CF6EC7">
        <w:rPr>
          <w:rStyle w:val="HideTWBExt"/>
          <w:noProof w:val="0"/>
          <w:color w:val="auto"/>
        </w:rPr>
        <w:t>&lt;/AuNomDe&gt;</w:t>
      </w:r>
    </w:p>
    <w:p w14:paraId="431C95EE" w14:textId="77777777" w:rsidR="00BE49DB" w:rsidRPr="00CF6EC7" w:rsidRDefault="00502CF5" w:rsidP="00BE49DB">
      <w:r w:rsidRPr="00CF6EC7">
        <w:rPr>
          <w:rStyle w:val="HideTWBExt"/>
          <w:bCs/>
          <w:noProof w:val="0"/>
          <w:color w:val="auto"/>
        </w:rPr>
        <w:t>&lt;/By&gt;</w:t>
      </w:r>
      <w:r w:rsidRPr="00CF6EC7">
        <w:rPr>
          <w:rStyle w:val="HideTWBExt"/>
          <w:noProof w:val="0"/>
          <w:color w:val="auto"/>
        </w:rPr>
        <w:t>&lt;/RepeatBlock-By&gt;</w:t>
      </w:r>
    </w:p>
    <w:p w14:paraId="3AB0A91F" w14:textId="77777777" w:rsidR="00BE49DB" w:rsidRPr="00CF6EC7" w:rsidRDefault="00502CF5" w:rsidP="00BE49DB">
      <w:pPr>
        <w:pStyle w:val="AmDocTypeTab"/>
      </w:pPr>
      <w:r w:rsidRPr="00CF6EC7">
        <w:rPr>
          <w:rStyle w:val="HideTWBExt"/>
          <w:b w:val="0"/>
          <w:noProof w:val="0"/>
          <w:color w:val="auto"/>
        </w:rPr>
        <w:t>&lt;TitreType&gt;</w:t>
      </w:r>
      <w:r w:rsidRPr="00CF6EC7">
        <w:t>Tuarascáil</w:t>
      </w:r>
      <w:r w:rsidRPr="00CF6EC7">
        <w:rPr>
          <w:rStyle w:val="HideTWBExt"/>
          <w:b w:val="0"/>
          <w:noProof w:val="0"/>
          <w:color w:val="auto"/>
        </w:rPr>
        <w:t>&lt;/TitreType&gt;</w:t>
      </w:r>
      <w:r w:rsidRPr="00CF6EC7">
        <w:tab/>
        <w:t>A9</w:t>
      </w:r>
      <w:r w:rsidRPr="00CF6EC7">
        <w:noBreakHyphen/>
        <w:t>0118/2020</w:t>
      </w:r>
    </w:p>
    <w:p w14:paraId="2654E60D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Rapporteur&gt;</w:t>
      </w:r>
      <w:r w:rsidRPr="00CF6EC7">
        <w:t>Bas Eickhout</w:t>
      </w:r>
      <w:r w:rsidRPr="00CF6EC7">
        <w:rPr>
          <w:rStyle w:val="HideTWBExt"/>
          <w:b w:val="0"/>
          <w:noProof w:val="0"/>
          <w:color w:val="auto"/>
        </w:rPr>
        <w:t>&lt;/Rapporteur&gt;</w:t>
      </w:r>
    </w:p>
    <w:p w14:paraId="220A47C2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Titre&gt;</w:t>
      </w:r>
      <w:r w:rsidRPr="00CF6EC7">
        <w:t>Rialú ghníomhaíochtaí airgeadais an Bhainc Eorpaigh Infheistíochta - tuarascáil bhliantúil 2018</w:t>
      </w:r>
      <w:r w:rsidRPr="00CF6EC7">
        <w:rPr>
          <w:rStyle w:val="HideTWBExt"/>
          <w:noProof w:val="0"/>
          <w:color w:val="auto"/>
        </w:rPr>
        <w:t>&lt;/Titre&gt;</w:t>
      </w:r>
    </w:p>
    <w:p w14:paraId="7F6F9871" w14:textId="77777777" w:rsidR="00BE49DB" w:rsidRPr="00CF6EC7" w:rsidRDefault="00502CF5" w:rsidP="00BE49DB">
      <w:pPr>
        <w:pStyle w:val="Normal12a"/>
      </w:pPr>
      <w:r w:rsidRPr="00CF6EC7">
        <w:rPr>
          <w:rStyle w:val="HideTWBExt"/>
          <w:noProof w:val="0"/>
          <w:color w:val="auto"/>
        </w:rPr>
        <w:t>&lt;DocRef&gt;</w:t>
      </w:r>
      <w:r w:rsidRPr="00CF6EC7">
        <w:t>(2019/2127(INI))</w:t>
      </w:r>
      <w:r w:rsidRPr="00CF6EC7">
        <w:rPr>
          <w:rStyle w:val="HideTWBExt"/>
          <w:noProof w:val="0"/>
          <w:color w:val="auto"/>
        </w:rPr>
        <w:t>&lt;/DocRef&gt;</w:t>
      </w:r>
    </w:p>
    <w:p w14:paraId="77382560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DocAmend&gt;</w:t>
      </w:r>
      <w:r w:rsidRPr="00CF6EC7">
        <w:t>Tairiscint i gcomhair rúin</w:t>
      </w:r>
      <w:r w:rsidRPr="00CF6EC7">
        <w:rPr>
          <w:rStyle w:val="HideTWBExt"/>
          <w:b w:val="0"/>
          <w:noProof w:val="0"/>
          <w:color w:val="auto"/>
        </w:rPr>
        <w:t>&lt;/DocAmend&gt;</w:t>
      </w:r>
    </w:p>
    <w:p w14:paraId="3FFEDDAB" w14:textId="77777777" w:rsidR="00BE49DB" w:rsidRPr="00CF6EC7" w:rsidRDefault="00502CF5" w:rsidP="00BE49DB">
      <w:pPr>
        <w:pStyle w:val="NormalBold"/>
      </w:pPr>
      <w:r w:rsidRPr="00CF6EC7">
        <w:rPr>
          <w:rStyle w:val="HideTWBExt"/>
          <w:b w:val="0"/>
          <w:noProof w:val="0"/>
          <w:color w:val="auto"/>
        </w:rPr>
        <w:t>&lt;Article&gt;</w:t>
      </w:r>
      <w:r w:rsidRPr="00CF6EC7">
        <w:t>Mír 81</w:t>
      </w:r>
      <w:r w:rsidRPr="00CF6EC7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5103"/>
        <w:gridCol w:w="4649"/>
      </w:tblGrid>
      <w:tr w:rsidR="009C00C1" w:rsidRPr="00CF6EC7" w14:paraId="799FA673" w14:textId="77777777" w:rsidTr="00995B81">
        <w:trPr>
          <w:jc w:val="center"/>
        </w:trPr>
        <w:tc>
          <w:tcPr>
            <w:tcW w:w="9752" w:type="dxa"/>
            <w:gridSpan w:val="2"/>
          </w:tcPr>
          <w:p w14:paraId="2F8AC476" w14:textId="77777777" w:rsidR="00BE49DB" w:rsidRPr="00CF6EC7" w:rsidRDefault="00BE49DB" w:rsidP="00995B81">
            <w:pPr>
              <w:keepNext/>
            </w:pPr>
          </w:p>
        </w:tc>
      </w:tr>
      <w:tr w:rsidR="009C00C1" w:rsidRPr="00CF6EC7" w14:paraId="336226DC" w14:textId="77777777" w:rsidTr="00BE49DB">
        <w:trPr>
          <w:jc w:val="center"/>
        </w:trPr>
        <w:tc>
          <w:tcPr>
            <w:tcW w:w="5103" w:type="dxa"/>
          </w:tcPr>
          <w:p w14:paraId="7CC183D5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Tairiscint i gcomhair rúin</w:t>
            </w:r>
          </w:p>
        </w:tc>
        <w:tc>
          <w:tcPr>
            <w:tcW w:w="4649" w:type="dxa"/>
          </w:tcPr>
          <w:p w14:paraId="26EB7E89" w14:textId="77777777" w:rsidR="00BE49DB" w:rsidRPr="00CF6EC7" w:rsidRDefault="00502CF5" w:rsidP="00995B81">
            <w:pPr>
              <w:pStyle w:val="AmColumnHeading"/>
              <w:keepNext/>
            </w:pPr>
            <w:r w:rsidRPr="00CF6EC7">
              <w:t>Leasú</w:t>
            </w:r>
          </w:p>
        </w:tc>
      </w:tr>
      <w:tr w:rsidR="009C00C1" w:rsidRPr="00CF6EC7" w14:paraId="309DFF85" w14:textId="77777777" w:rsidTr="00BE49DB">
        <w:trPr>
          <w:jc w:val="center"/>
        </w:trPr>
        <w:tc>
          <w:tcPr>
            <w:tcW w:w="5103" w:type="dxa"/>
          </w:tcPr>
          <w:p w14:paraId="57799EA3" w14:textId="77777777" w:rsidR="00BE49DB" w:rsidRPr="00CF6EC7" w:rsidRDefault="00502CF5" w:rsidP="00587F01">
            <w:pPr>
              <w:pStyle w:val="Normal6a"/>
            </w:pPr>
            <w:r w:rsidRPr="00CF6EC7">
              <w:t>81.</w:t>
            </w:r>
            <w:r w:rsidRPr="00CF6EC7">
              <w:tab/>
              <w:t xml:space="preserve">ag feitheamh le torthaí an athbhreithnithe ar bheartais frithchalaoise BEI/CEI a seoladh in 2018 agus ag tacú le cur chuige atá níos déine i leith a neamhfhulaingthe ar an gcalaois, i leith a bheartais éillithe agus i leith cineálacha eile iompair toirmiscthe; </w:t>
            </w:r>
            <w:r w:rsidRPr="00CF6EC7">
              <w:rPr>
                <w:b/>
                <w:i/>
              </w:rPr>
              <w:t>á iarraidh</w:t>
            </w:r>
            <w:r w:rsidRPr="00CF6EC7">
              <w:t xml:space="preserve"> ar BEI </w:t>
            </w:r>
            <w:r w:rsidRPr="00CF6EC7">
              <w:rPr>
                <w:b/>
                <w:i/>
              </w:rPr>
              <w:t>a chomhar le OLAF agus le OIPE a mhéadú amach anseo agus gach cás</w:t>
            </w:r>
            <w:r w:rsidRPr="00CF6EC7">
              <w:t xml:space="preserve"> calaoise </w:t>
            </w:r>
            <w:r w:rsidRPr="00CF6EC7">
              <w:rPr>
                <w:b/>
                <w:i/>
              </w:rPr>
              <w:t>a d’fhéadfadh a bheith ann a thuairisciú do na húdaráis inniúla; den tuairim gur cheart go mbeadh an sainordú ag</w:t>
            </w:r>
            <w:r w:rsidRPr="00CF6EC7">
              <w:t xml:space="preserve"> OIPE </w:t>
            </w:r>
            <w:r w:rsidRPr="00CF6EC7">
              <w:rPr>
                <w:b/>
                <w:i/>
              </w:rPr>
              <w:t>gníomhaíocht choiriúil a ionchúiseamh maidir le cistí BEI i mBallstáit AE ar comhaltaí de OIPE iad</w:t>
            </w:r>
            <w:r w:rsidRPr="00CF6EC7">
              <w:t>;</w:t>
            </w:r>
          </w:p>
          <w:p w14:paraId="6FC7AF73" w14:textId="77777777" w:rsidR="00BE49DB" w:rsidRPr="00CF6EC7" w:rsidRDefault="00BE49DB" w:rsidP="00995B81">
            <w:pPr>
              <w:pStyle w:val="Normal6a"/>
            </w:pPr>
          </w:p>
        </w:tc>
        <w:tc>
          <w:tcPr>
            <w:tcW w:w="4649" w:type="dxa"/>
          </w:tcPr>
          <w:p w14:paraId="5AA2BF9E" w14:textId="6FF87086" w:rsidR="00BE49DB" w:rsidRPr="00CF6EC7" w:rsidRDefault="00502CF5" w:rsidP="00F924F9">
            <w:pPr>
              <w:pStyle w:val="Normal6a"/>
              <w:rPr>
                <w:szCs w:val="24"/>
              </w:rPr>
            </w:pPr>
            <w:r w:rsidRPr="00CF6EC7">
              <w:t>81.</w:t>
            </w:r>
            <w:r w:rsidRPr="00CF6EC7">
              <w:tab/>
              <w:t xml:space="preserve">ag feitheamh le torthaí an athbhreithnithe ar bheartais frithchalaoise BEI/CEI a seoladh in 2018 agus ag tacú le cur chuige atá níos déine i leith a neamhfhulaingthe ar an gcalaois, i leith a bheartais éillithe agus i leith cineálacha eile iompair toirmiscthe; </w:t>
            </w:r>
            <w:r w:rsidRPr="00CF6EC7">
              <w:rPr>
                <w:b/>
                <w:i/>
              </w:rPr>
              <w:t>á athdhearbhú, i dtaca leis sin, a iarraidh</w:t>
            </w:r>
            <w:r w:rsidRPr="00CF6EC7">
              <w:t xml:space="preserve"> ar BEI, </w:t>
            </w:r>
            <w:r w:rsidRPr="00CF6EC7">
              <w:rPr>
                <w:b/>
                <w:i/>
              </w:rPr>
              <w:t>an maoiniú do thionscadail atá faoi imscrúdú leanúnach ar</w:t>
            </w:r>
            <w:r w:rsidRPr="00CF6EC7">
              <w:t xml:space="preserve"> chalaois </w:t>
            </w:r>
            <w:r w:rsidRPr="00CF6EC7">
              <w:rPr>
                <w:b/>
                <w:i/>
              </w:rPr>
              <w:t>nó ar éilliú ag an mbreithiúna náisiúnta ábhartha,</w:t>
            </w:r>
            <w:r w:rsidRPr="00CF6EC7">
              <w:t xml:space="preserve"> EPPO</w:t>
            </w:r>
            <w:r w:rsidRPr="00CF6EC7">
              <w:rPr>
                <w:b/>
                <w:i/>
              </w:rPr>
              <w:t xml:space="preserve"> nó OLAF a chur ar fionraí go sealadach</w:t>
            </w:r>
            <w:r w:rsidRPr="00CF6EC7">
              <w:t>;</w:t>
            </w:r>
          </w:p>
        </w:tc>
      </w:tr>
    </w:tbl>
    <w:p w14:paraId="3860531B" w14:textId="77777777" w:rsidR="00BE49DB" w:rsidRPr="00CF6EC7" w:rsidRDefault="00502CF5" w:rsidP="00BE49DB">
      <w:pPr>
        <w:pStyle w:val="AmOrLang"/>
      </w:pPr>
      <w:r w:rsidRPr="00CF6EC7">
        <w:t xml:space="preserve">Or. </w:t>
      </w:r>
      <w:r w:rsidRPr="00CF6EC7">
        <w:rPr>
          <w:rStyle w:val="HideTWBExt"/>
          <w:rFonts w:eastAsiaTheme="majorEastAsia"/>
          <w:noProof w:val="0"/>
          <w:color w:val="auto"/>
        </w:rPr>
        <w:t>&lt;Original&gt;</w:t>
      </w:r>
      <w:r w:rsidRPr="00CF6EC7">
        <w:rPr>
          <w:rStyle w:val="HideTWBInt"/>
        </w:rPr>
        <w:t>{EN}</w:t>
      </w:r>
      <w:r w:rsidRPr="00CF6EC7">
        <w:t>en</w:t>
      </w:r>
      <w:r w:rsidRPr="00CF6EC7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6260F8B7" w14:textId="77777777" w:rsidR="00BE49DB" w:rsidRPr="00CF6EC7" w:rsidRDefault="00502CF5" w:rsidP="00BE49DB">
      <w:r w:rsidRPr="00CF6EC7">
        <w:rPr>
          <w:rStyle w:val="HideTWBExt"/>
          <w:noProof w:val="0"/>
          <w:color w:val="auto"/>
        </w:rPr>
        <w:t>&lt;/Amend&gt;</w:t>
      </w:r>
    </w:p>
    <w:p w14:paraId="3D327061" w14:textId="77777777" w:rsidR="006959AA" w:rsidRPr="00CF6EC7" w:rsidRDefault="00502CF5" w:rsidP="006959AA">
      <w:r w:rsidRPr="00CF6EC7">
        <w:rPr>
          <w:rStyle w:val="HideTWBExt"/>
          <w:noProof w:val="0"/>
          <w:color w:val="auto"/>
        </w:rPr>
        <w:t>&lt;/RepeatBlock-Amend&gt;</w:t>
      </w:r>
    </w:p>
    <w:sectPr w:rsidR="006959AA" w:rsidRPr="00CF6EC7" w:rsidSect="001B6913">
      <w:footerReference w:type="default" r:id="rId1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9D0FE5D" w14:textId="77777777" w:rsidR="00CF7B17" w:rsidRPr="00B516CA" w:rsidRDefault="00502CF5">
      <w:r w:rsidRPr="00B516CA">
        <w:separator/>
      </w:r>
    </w:p>
  </w:endnote>
  <w:endnote w:type="continuationSeparator" w:id="0">
    <w:p w14:paraId="05F56A1E" w14:textId="77777777" w:rsidR="00CF7B17" w:rsidRPr="00B516CA" w:rsidRDefault="00502CF5">
      <w:r w:rsidRPr="00B516C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A9BD71" w14:textId="77777777" w:rsidR="00CF6EC7" w:rsidRDefault="00CF6EC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7F0615C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6168AD44" w14:textId="662DA314" w:rsidR="00EE4A94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CC7715D" w14:textId="77777777" w:rsidR="00CF6EC7" w:rsidRDefault="00CF6EC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532AF12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0FA1313B" w14:textId="27C44838" w:rsidR="00BE49DB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04C8ABF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570809CB" w14:textId="6D960B9F" w:rsidR="00BE49DB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2D4BE6F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06951157" w14:textId="65CA2D2B" w:rsidR="00BE49DB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A5BFA73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465D8CC0" w14:textId="4135D130" w:rsidR="00BE49DB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B5398B" w14:textId="77777777" w:rsidR="00B516CA" w:rsidRPr="00B516CA" w:rsidRDefault="00B516CA" w:rsidP="00B516CA">
    <w:pPr>
      <w:pStyle w:val="EPFooter"/>
    </w:pPr>
    <w:r w:rsidRPr="00B516CA">
      <w:rPr>
        <w:rStyle w:val="HideTWBExt"/>
        <w:noProof w:val="0"/>
      </w:rPr>
      <w:t>&lt;PathFdR&gt;</w:t>
    </w:r>
    <w:r w:rsidRPr="00B516CA">
      <w:t>AM\1209098GA.docx</w:t>
    </w:r>
    <w:r w:rsidRPr="00B516CA">
      <w:rPr>
        <w:rStyle w:val="HideTWBExt"/>
        <w:noProof w:val="0"/>
      </w:rPr>
      <w:t>&lt;/PathFdR&gt;</w:t>
    </w:r>
    <w:r w:rsidRPr="00B516CA">
      <w:tab/>
    </w:r>
    <w:r w:rsidRPr="00B516CA">
      <w:tab/>
      <w:t>PE</w:t>
    </w:r>
    <w:r w:rsidRPr="00B516CA">
      <w:rPr>
        <w:rStyle w:val="HideTWBExt"/>
        <w:noProof w:val="0"/>
      </w:rPr>
      <w:t>&lt;NoPE&gt;</w:t>
    </w:r>
    <w:r w:rsidRPr="00B516CA">
      <w:t>647.690</w:t>
    </w:r>
    <w:r w:rsidRPr="00B516CA">
      <w:rPr>
        <w:rStyle w:val="HideTWBExt"/>
        <w:noProof w:val="0"/>
      </w:rPr>
      <w:t>&lt;/NoPE&gt;&lt;Version&gt;</w:t>
    </w:r>
    <w:r w:rsidRPr="00B516CA">
      <w:t>v01-00</w:t>
    </w:r>
    <w:r w:rsidRPr="00B516CA">
      <w:rPr>
        <w:rStyle w:val="HideTWBExt"/>
        <w:noProof w:val="0"/>
      </w:rPr>
      <w:t>&lt;/Version&gt;</w:t>
    </w:r>
  </w:p>
  <w:p w14:paraId="6DBD4255" w14:textId="5E99F706" w:rsidR="00BE49DB" w:rsidRPr="00B516CA" w:rsidRDefault="00B516CA" w:rsidP="00B516CA">
    <w:pPr>
      <w:pStyle w:val="EPFooter2"/>
    </w:pPr>
    <w:r w:rsidRPr="00B516CA">
      <w:t>GA</w:t>
    </w:r>
    <w:r w:rsidRPr="00B516CA">
      <w:tab/>
    </w:r>
    <w:r w:rsidRPr="00B516CA">
      <w:rPr>
        <w:b w:val="0"/>
        <w:i/>
        <w:color w:val="C0C0C0"/>
        <w:sz w:val="22"/>
      </w:rPr>
      <w:t>Aontaithe san éagsúlacht</w:t>
    </w:r>
    <w:r w:rsidRPr="00B516CA">
      <w:tab/>
      <w:t>G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4FE28CA" w14:textId="77777777" w:rsidR="00CF7B17" w:rsidRPr="00B516CA" w:rsidRDefault="00502CF5">
      <w:r w:rsidRPr="00B516CA">
        <w:separator/>
      </w:r>
    </w:p>
  </w:footnote>
  <w:footnote w:type="continuationSeparator" w:id="0">
    <w:p w14:paraId="24F1E0DC" w14:textId="77777777" w:rsidR="00CF7B17" w:rsidRPr="00B516CA" w:rsidRDefault="00502CF5">
      <w:r w:rsidRPr="00B516C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22DF4C" w14:textId="77777777" w:rsidR="00CF6EC7" w:rsidRDefault="00CF6EC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A1905D7" w14:textId="77777777" w:rsidR="00CF6EC7" w:rsidRDefault="00CF6EC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852042" w14:textId="77777777" w:rsidR="00CF6EC7" w:rsidRDefault="00CF6EC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5"/>
    <w:docVar w:name="DOCDT" w:val="01/07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335149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8335149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8335149 EPFooter;}}{\*\rsidtbl \rsid24658\rsid223860\rsid735077\rsid1718133\rsid2892074\rsid3565327\rsid4078214\rsid4666813\rsid6641733\rsid7823322\rsid8335149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7\dy1\hr17\min52}{\revtim\yr2020\mo7\dy1\hr17\min52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33514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0782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0782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0782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078214 \chftnsepc _x000d__x000a_\par }}\ltrpar \sectd \ltrsect\psz9\linex0\headery1134\footery567\sectlinegrid326\sectdefaultcl\sectrsid12008103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8335149\charrsid3894366 \hich\af1\dbch\af31501\loch\f1 &lt;PathFdR&gt;}{\rtlch\fcs1 \af0 \ltrch\fcs0 \insrsid8335149\charrsid12470747 AM\\1209098EN.docx}{\rtlch\fcs1 \af0 \ltrch\fcs0 _x000d__x000a_\cs17\v\fs20\cf9\loch\af1\hich\af1\dbch\af31501\insrsid8335149\charrsid3894366 \hich\af1\dbch\af31501\loch\f1 &lt;/PathFdR&gt;}{\rtlch\fcs1 \af0 \ltrch\fcs0 \insrsid8335149\charrsid3894366 \tab \tab PE}{\rtlch\fcs1 \af0 \ltrch\fcs0 _x000d__x000a_\cs17\v\fs20\cf9\loch\af1\hich\af1\dbch\af31501\insrsid8335149\charrsid3894366 \hich\af1\dbch\af31501\loch\f1 &lt;NoPE&gt;}{\rtlch\fcs1 \af0 \ltrch\fcs0 \insrsid8335149\charrsid12470747 647.690}{\rtlch\fcs1 \af0 \ltrch\fcs0 _x000d__x000a_\cs17\v\fs20\cf9\loch\af1\hich\af1\dbch\af31501\insrsid8335149\charrsid3894366 \hich\af1\dbch\af31501\loch\f1 &lt;/NoPE&gt;&lt;Version&gt;}{\rtlch\fcs1 \af0 \ltrch\fcs0 \insrsid8335149\charrsid3894366 v}{\rtlch\fcs1 \af0 \ltrch\fcs0 \insrsid8335149\charrsid12470747 _x000d__x000a_01-00}{\rtlch\fcs1 \af0 \ltrch\fcs0 \cs17\v\fs20\cf9\loch\af1\hich\af1\dbch\af31501\insrsid8335149\charrsid3894366 \hich\af1\dbch\af31501\loch\f1 &lt;/Version&gt;}{\rtlch\fcs1 \af0 \ltrch\fcs0 \insrsid8335149\charrsid3894366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8335149\charrsid3894366  DOCPROPERTY &quot;&lt;Extension&gt;&quot; }}{\fldrslt {\rtlch\fcs1 \af1 \ltrch\fcs0 \insrsid8335149 EN}}}\sectd \ltrsect_x000d__x000a_\linex0\endnhere\sectdefaultcl\sftnbj {\rtlch\fcs1 \af1 \ltrch\fcs0 \insrsid8335149\charrsid3894366 \tab }{\rtlch\fcs1 \af1\afs22 \ltrch\fcs0 \b0\i\fs22\cf16\insrsid8335149 United in diversity}{\rtlch\fcs1 \af1 \ltrch\fcs0 \insrsid8335149\charrsid3894366 _x000d__x000a_\tab }{\field{\*\fldinst {\rtlch\fcs1 \af1 \ltrch\fcs0 \insrsid8335149\charrsid3894366  DOCPROPERTY &quot;&lt;Extension&gt;&quot; }}{\fldrslt {\rtlch\fcs1 \af1 \ltrch\fcs0 \insrsid8335149 EN}}}\sectd \ltrsect\linex0\endnhere\sectdefaultcl\sftnbj {\rtlch\fcs1 \af1 _x000d__x000a_\ltrch\fcs0 \insrsid8335149\charrsid38943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335149 _x000d__x000a_\rtlch\fcs1 \af0\afs20\alang1025 \ltrch\fcs0 \fs24\lang2057\langfe2057\cgrid\langnp2057\langfenp2057 {\rtlch\fcs1 \af0 \ltrch\fcs0 \insrsid8335149\charrsid389436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3_x000d__x000a_2d9fbf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5"/>
    <w:docVar w:name="InsideLoop" w:val="1"/>
    <w:docVar w:name="LastEditedSection" w:val=" 1"/>
    <w:docVar w:name="NRAKEY" w:val="NOT LISTED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543547 HideTWBExt;}{\s18\ql \li0\ri0\nowidctlpar_x000d__x000a_\tqr\tx9071\wrapdefault\aspalpha\aspnum\faauto\adjustright\rin0\lin0\itap0 \rtlch\fcs1 \af0\afs20\alang1025 \ltrch\fcs0 \b\fs24\lang2057\langfe2057\cgrid\langnp2057\langfenp2057 \sbasedon0 \snext18 \spriority0 \styrsid12543547 AmDocTypeTab;}{_x000d__x000a_\s19\ql \li0\ri0\sa240\nowidctlpar\wrapdefault\aspalpha\aspnum\faauto\adjustright\rin0\lin0\itap0 \rtlch\fcs1 \af0\afs20\alang1025 \ltrch\fcs0 \fs24\lang2057\langfe2057\cgrid\langnp2057\langfenp2057 \sbasedon0 \snext19 \spriority0 \styrsid12543547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2543547 EPFooter2;}{\*\cs21 \additive \v\f1\fs20\cf15 \spriority0 \styrsid12543547 HideTWBInt;}{\s22\ql \li0\ri0\nowidctlpar\wrapdefault\aspalpha\aspnum\faauto\adjustright\rin0\lin0\itap0 \rtlch\fcs1 _x000d__x000a_\af0\afs20\alang1025 \ltrch\fcs0 \b\fs24\lang2057\langfe2057\cgrid\langnp2057\langfenp2057 \sbasedon0 \snext22 \spriority0 \styrsid12543547 NormalBold;}{_x000d__x000a_\s23\qr \li0\ri0\sb240\sa240\nowidctlpar\wrapdefault\aspalpha\aspnum\faauto\adjustright\rin0\lin0\itap0 \rtlch\fcs1 \af0\afs20\alang1025 \ltrch\fcs0 \fs24\lang2057\langfe2057\cgrid\langnp2057\langfenp2057 \sbasedon0 \snext23 \spriority0 \styrsid1254354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2543547 Normal6a;}{\s25\ql \li0\ri0\nowidctlpar\tqr\tx9071\wrapdefault\aspalpha\aspnum\faauto\adjustright\rin0\lin0\itap0 \rtlch\fcs1 \af0\afs20\alang1025 \ltrch\fcs0 _x000d__x000a_\fs24\lang2057\langfe2057\cgrid\langnp2057\langfenp2057 \sbasedon0 \snext25 \spriority0 \styrsid12543547 AmDateTab;}{\s26\qc \li0\ri0\sa240\nowidctlpar\wrapdefault\aspalpha\aspnum\faauto\adjustright\rin0\lin0\itap0 \rtlch\fcs1 \af0\afs20\alang1025 _x000d__x000a_\ltrch\fcs0 \i\fs24\lang2057\langfe2057\cgrid\langnp2057\langfenp2057 \sbasedon0 \snext26 \spriority0 \styrsid1254354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2543547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2543547 EPFooter;}}_x000d__x000a_{\*\rsidtbl \rsid24658\rsid223860\rsid735077\rsid1718133\rsid2892074\rsid3565327\rsid4666813\rsid6641733\rsid7823322\rsid9248380\rsid9636012\rsid10377208\rsid11215221\rsid11549030\rsid12154954\rsid12543547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7\dy1\hr17\min18}{\revtim\yr2020\mo7\dy1\hr17\min18}{\version1}{\edmins0}{\nofpages2}{\nofwords150}{\nofchars857}{\nofcharsws1005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54354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4838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38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38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38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2543547\charrsid3894366 \hich\af1\dbch\af31501\loch\f1 &lt;PathFdR&gt;}{\rtlch\fcs1 \af0 \ltrch\fcs0 \cf10\insrsid12543547\charrsid3894366 \uc1\u9668\'3f}{\rtlch\fcs1 \af0 \ltrch\fcs0 _x000d__x000a_\insrsid12543547\charrsid3894366 #}{\rtlch\fcs1 \af1 \ltrch\fcs0 \cs21\v\f1\fs20\cf15\insrsid12543547\charrsid3894366 TXTROUTE@@}{\rtlch\fcs1 \af0 \ltrch\fcs0 \insrsid12543547\charrsid3894366 #}{\rtlch\fcs1 \af0 \ltrch\fcs0 _x000d__x000a_\cf10\insrsid12543547\charrsid3894366 \uc1\u9658\'3f}{\rtlch\fcs1 \af0 \ltrch\fcs0 \cs17\v\fs20\cf9\loch\af1\hich\af1\dbch\af31501\insrsid12543547\charrsid3894366 \hich\af1\dbch\af31501\loch\f1 &lt;/PathFdR&gt;}{\rtlch\fcs1 \af0 \ltrch\fcs0 _x000d__x000a_\insrsid12543547\charrsid3894366 \tab \tab PE}{\rtlch\fcs1 \af0 \ltrch\fcs0 \cs17\v\fs20\cf9\loch\af1\hich\af1\dbch\af31501\insrsid12543547\charrsid3894366 \hich\af1\dbch\af31501\loch\f1 &lt;NoPE&gt;}{\rtlch\fcs1 \af0 \ltrch\fcs0 _x000d__x000a_\cf10\insrsid12543547\charrsid3894366 \uc1\u9668\'3f}{\rtlch\fcs1 \af0 \ltrch\fcs0 \insrsid12543547\charrsid3894366 #}{\rtlch\fcs1 \af1 \ltrch\fcs0 \cs21\v\f1\fs20\cf15\insrsid12543547\charrsid3894366 TXTNRPE@NRPE@}{\rtlch\fcs1 \af0 \ltrch\fcs0 _x000d__x000a_\insrsid12543547\charrsid3894366 #}{\rtlch\fcs1 \af0 \ltrch\fcs0 \cf10\insrsid12543547\charrsid3894366 \uc1\u9658\'3f}{\rtlch\fcs1 \af0 \ltrch\fcs0 \cs17\v\fs20\cf9\loch\af1\hich\af1\dbch\af31501\insrsid12543547\charrsid3894366 _x000d__x000a_\hich\af1\dbch\af31501\loch\f1 &lt;/NoPE&gt;&lt;Version&gt;}{\rtlch\fcs1 \af0 \ltrch\fcs0 \insrsid12543547\charrsid3894366 v}{\rtlch\fcs1 \af0 \ltrch\fcs0 \cf10\insrsid12543547\charrsid3894366 \uc1\u9668\'3f}{\rtlch\fcs1 \af0 \ltrch\fcs0 _x000d__x000a_\insrsid12543547\charrsid3894366 #}{\rtlch\fcs1 \af1 \ltrch\fcs0 \cs21\v\f1\fs20\cf15\insrsid12543547\charrsid3894366 TXTVERSION@NRV@}{\rtlch\fcs1 \af0 \ltrch\fcs0 \insrsid12543547\charrsid3894366 #}{\rtlch\fcs1 \af0 \ltrch\fcs0 _x000d__x000a_\cf10\insrsid12543547\charrsid3894366 \uc1\u9658\'3f}{\rtlch\fcs1 \af0 \ltrch\fcs0 \cs17\v\fs20\cf9\loch\af1\hich\af1\dbch\af31501\insrsid12543547\charrsid3894366 \hich\af1\dbch\af31501\loch\f1 &lt;/Version&gt;}{\rtlch\fcs1 \af0 \ltrch\fcs0 _x000d__x000a_\insrsid12543547\charrsid3894366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2543547\charrsid3894366  DOCPROPERTY &quot;&lt;Extension&gt;&quot; }}{\fldrslt {\rtlch\fcs1 \af1 \ltrch\fcs0 \insrsid12543547\charrsid3894366 _x000d__x000a_XX}}}\sectd \ltrsect\linex0\endnhere\sectdefaultcl\sftnbj {\rtlch\fcs1 \af1 \ltrch\fcs0 \insrsid12543547\charrsid3894366 \tab }{\rtlch\fcs1 \af1\afs22 \ltrch\fcs0 \b0\i\fs22\cf16\insrsid12543547\charrsid3894366 #}{\rtlch\fcs1 \af1 \ltrch\fcs0 _x000d__x000a_\cs21\v\fs20\cf15\insrsid12543547\charrsid3894366 (STD@_Motto}{\rtlch\fcs1 \af1\afs22 \ltrch\fcs0 \b0\i\fs22\cf16\insrsid12543547\charrsid3894366 #}{\rtlch\fcs1 \af1 \ltrch\fcs0 \insrsid12543547\charrsid3894366 \tab }{\field\flddirty{\*\fldinst {_x000d__x000a_\rtlch\fcs1 \af1 \ltrch\fcs0 \insrsid12543547\charrsid3894366  DOCPROPERTY &quot;&lt;Extension&gt;&quot; }}{\fldrslt {\rtlch\fcs1 \af1 \ltrch\fcs0 \insrsid12543547\charrsid3894366 XX}}}\sectd \ltrsect\linex0\endnhere\sectdefaultcl\sftnbj {\rtlch\fcs1 \af1 \ltrch\fcs0 _x000d__x000a_\insrsid12543547\charrsid38943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2543547 \rtlch\fcs1 \af0\afs20\alang1025 \ltrch\fcs0 \fs24\lang2057\langfe2057\cgrid\langnp2057\langfenp2057 {\rtlch\fcs1 \af0 \ltrch\fcs0 _x000d__x000a_\cs17\v\fs20\cf9\loch\af1\hich\af1\dbch\af31501\insrsid12543547\charrsid3894366 {\*\bkmkstart restart}\hich\af1\dbch\af31501\loch\f1 &lt;Amend&gt;&lt;Date&gt;}{\rtlch\fcs1 \af0 \ltrch\fcs0 \insrsid12543547\charrsid3894366 #}{\rtlch\fcs1 \af1 \ltrch\fcs0 _x000d__x000a_\cs21\v\f1\fs20\cf15\insrsid12543547\charrsid3894366 DT(d.m.yyyy)sh@DATEMSG@DOCDT}{\rtlch\fcs1 \af0 \ltrch\fcs0 \insrsid12543547\charrsid3894366 #}{\rtlch\fcs1 \af0 \ltrch\fcs0 _x000d__x000a_\cs17\v\fs20\cf9\loch\af1\hich\af1\dbch\af31501\insrsid12543547\charrsid3894366 \hich\af1\dbch\af31501\loch\f1 &lt;/Date&gt;}{\rtlch\fcs1 \af0 \ltrch\fcs0 \insrsid12543547\charrsid3894366 \tab }{\rtlch\fcs1 \af0 \ltrch\fcs0 _x000d__x000a_\cs17\v\fs20\cf9\loch\af1\hich\af1\dbch\af31501\insrsid12543547\charrsid3894366 \hich\af1\dbch\af31501\loch\f1 &lt;ANo&gt;}{\rtlch\fcs1 \af0 \ltrch\fcs0 \insrsid12543547\charrsid3894366 #}{\rtlch\fcs1 \af1 \ltrch\fcs0 _x000d__x000a_\cs21\v\f1\fs20\cf15\insrsid12543547\charrsid3894366 KEY(PLENARY/ANUMBER)@NRAMSG@NRAKEY}{\rtlch\fcs1 \af0 \ltrch\fcs0 \insrsid12543547\charrsid3894366 #}{\rtlch\fcs1 \af0 \ltrch\fcs0 _x000d__x000a_\cs17\v\fs20\cf9\loch\af1\hich\af1\dbch\af31501\insrsid12543547\charrsid3894366 \hich\af1\dbch\af31501\loch\f1 &lt;/ANo&gt;}{\rtlch\fcs1 \af0 \ltrch\fcs0 \insrsid12543547\charrsid3894366 /}{\rtlch\fcs1 \af0 \ltrch\fcs0 _x000d__x000a_\cs17\v\fs20\cf9\loch\af1\hich\af1\dbch\af31501\insrsid12543547\charrsid3894366 \hich\af1\dbch\af31501\loch\f1 &lt;NumAm&gt;}{\rtlch\fcs1 \af0 \ltrch\fcs0 \insrsid12543547\charrsid3894366 #}{\rtlch\fcs1 \af1 \ltrch\fcs0 _x000d__x000a_\cs21\v\f1\fs20\cf15\insrsid12543547\charrsid3894366 ENMIENDA@NRAM@}{\rtlch\fcs1 \af0 \ltrch\fcs0 \insrsid12543547\charrsid3894366 #}{\rtlch\fcs1 \af0 \ltrch\fcs0 \cs17\v\fs20\cf9\loch\af1\hich\af1\dbch\af31501\insrsid12543547\charrsid3894366 _x000d__x000a_\hich\af1\dbch\af31501\loch\f1 &lt;/NumAm&gt;}{\rtlch\fcs1 \af0 \ltrch\fcs0 \insrsid12543547\charrsid389436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2543547 \rtlch\fcs1 _x000d__x000a_\af0\afs20\alang1025 \ltrch\fcs0 \b\fs24\lang2057\langfe2057\cgrid\langnp2057\langfenp2057 {\rtlch\fcs1 \af0 \ltrch\fcs0 \insrsid12543547\charrsid3894366 Amendment\tab \tab }{\rtlch\fcs1 \af0 \ltrch\fcs0 _x000d__x000a_\cs17\b0\v\fs20\cf9\loch\af1\hich\af1\dbch\af31501\insrsid12543547\charrsid3894366 \hich\af1\dbch\af31501\loch\f1 &lt;NumAm&gt;}{\rtlch\fcs1 \af0 \ltrch\fcs0 \insrsid12543547\charrsid3894366 #}{\rtlch\fcs1 \af1 \ltrch\fcs0 _x000d__x000a_\cs21\v\f1\fs20\cf15\insrsid12543547\charrsid3894366 ENMIENDA@NRAM@}{\rtlch\fcs1 \af0 \ltrch\fcs0 \insrsid12543547\charrsid3894366 #}{\rtlch\fcs1 \af0 \ltrch\fcs0 \cs17\b0\v\fs20\cf9\loch\af1\hich\af1\dbch\af31501\insrsid12543547\charrsid3894366 _x000d__x000a_\hich\af1\dbch\af31501\loch\f1 &lt;/NumAm&gt;}{\rtlch\fcs1 \af0 \ltrch\fcs0 \insrsid12543547\charrsid3894366 _x000d__x000a_\par }\pard\plain \ltrpar\s22\ql \li0\ri0\nowidctlpar\wrapdefault\aspalpha\aspnum\faauto\adjustright\rin0\lin0\itap0\pararsid12543547 \rtlch\fcs1 \af0\afs20\alang1025 \ltrch\fcs0 \b\fs24\lang2057\langfe2057\cgrid\langnp2057\langfenp2057 {\rtlch\fcs1 \af0 _x000d__x000a_\ltrch\fcs0 \cs17\b0\v\fs20\cf9\loch\af1\hich\af1\dbch\af31501\insrsid12543547\charrsid3894366 \hich\af1\dbch\af31501\loch\f1 &lt;RepeatBlock-By&gt;}{\rtlch\fcs1 \af0 \ltrch\fcs0 \insrsid12543547\charrsid3894366 {\*\bkmkstart By}#}{\rtlch\fcs1 \af1 \ltrch\fcs0 _x000d__x000a_\cs21\v\f1\fs20\cf15\insrsid12543547\charrsid3894366 (MOD@InsideLoop()}{\rtlch\fcs1 \af0 \ltrch\fcs0 \insrsid12543547\charrsid3894366 ##}{\rtlch\fcs1 \af1 \ltrch\fcs0 \cs21\v\f1\fs20\cf15\insrsid12543547\charrsid3894366 (MOD@ByVar()}{\rtlch\fcs1 \af0 _x000d__x000a_\ltrch\fcs0 \insrsid12543547\charrsid3894366 ##}{\rtlch\fcs1 \af1 \ltrch\fcs0 \cs21\v\f1\fs20\cf15\insrsid12543547\charrsid3894366 &gt;&gt;&gt;ByVar@[ZMEMBERSMSG]@By}{\rtlch\fcs1 \af0 \ltrch\fcs0 \insrsid12543547\charrsid3894366 #}{\rtlch\fcs1 \af0 \ltrch\fcs0 _x000d__x000a_\cs17\b0\v\fs20\cf9\loch\af1\hich\af1\dbch\af31501\insrsid12543547\charrsid3894366 \hich\af1\dbch\af31501\loch\f1 &lt;\hich\af1\dbch\af31501\loch\f1 By&gt;&lt;\hich\af1\dbch\af31501\loch\f1 Members&gt;}{\rtlch\fcs1 \af0 \ltrch\fcs0 \insrsid12543547\charrsid3894366 #}_x000d__x000a_{\rtlch\fcs1 \af1 \ltrch\fcs0 \cs21\v\f1\fs20\cf15\insrsid12543547\charrsid3894366 (MOD@InsideLoop(\'a7)}{\rtlch\fcs1 \af0 \ltrch\fcs0 \insrsid12543547\charrsid3894366 ##}{\rtlch\fcs1 \af1 \ltrch\fcs0 \cs21\v\f1\fs20\cf15\insrsid12543547\charrsid3894366 _x000d__x000a_IF(FromTORIS = 'True')THEN([PRESMEMBERS])ELSE([TRADMEMBERS])}{\rtlch\fcs1 \af0 \ltrch\fcs0 \insrsid12543547\charrsid3894366 #}{\rtlch\fcs1 \af0 \ltrch\fcs0 \cs17\b0\v\fs20\cf9\loch\af1\hich\af1\dbch\af31501\insrsid12543547\charrsid3894366 _x000d__x000a_\hich\af1\dbch\af31501\loch\f1 &lt;/Members&gt;}{\rtlch\fcs1 \af0 \ltrch\fcs0 \insrsid12543547\charrsid3894366 _x000d__x000a_\par }\pard\plain \ltrpar\ql \li0\ri0\widctlpar\wrapdefault\aspalpha\aspnum\faauto\adjustright\rin0\lin0\itap0\pararsid12543547 \rtlch\fcs1 \af0\afs20\alang1025 \ltrch\fcs0 \fs24\lang2057\langfe2057\cgrid\langnp2057\langfenp2057 {\rtlch\fcs1 \af0 \ltrch\fcs0 _x000d__x000a_\cs17\v\fs20\cf9\loch\af1\hich\af1\dbch\af31501\insrsid12543547\charrsid3894366 \hich\af1\dbch\af31501\loch\f1 &lt;AuNomDe&gt;\hich\af1\dbch\af31501\loch\f1 &lt;\hich\af1\dbch\af31501\loch\f1 OptDel\hich\af1\dbch\af31501\loch\f1 &gt;}{\rtlch\fcs1 \af0 \ltrch\fcs0 _x000d__x000a_\insrsid12543547\charrsid3894366 #}{\rtlch\fcs1 \af1 \ltrch\fcs0 \cs21\v\f1\fs20\cf15\insrsid12543547\charrsid3894366 IF(FromTORIS = 'True')THEN([PRESONBEHALF])ELSE([TRADONBEHALF])}{\rtlch\fcs1 \af0 \ltrch\fcs0 \insrsid12543547\charrsid3894366 #}{_x000d__x000a_\rtlch\fcs1 \af0 \ltrch\fcs0 \cs17\v\fs20\cf9\loch\af1\hich\af1\dbch\af31501\insrsid12543547\charrsid3894366 \hich\af1\dbch\af31501\loch\f1 &lt;\hich\af1\dbch\af31501\loch\f1 /OptDel\hich\af1\dbch\af31501\loch\f1 &gt;\hich\af1\dbch\af31501\loch\f1 &lt;/AuNomDe&gt;}{_x000d__x000a_\rtlch\fcs1 \af0 \ltrch\fcs0 \insrsid12543547\charrsid3894366 _x000d__x000a_\par }{\rtlch\fcs1 \ab\af0 \ltrch\fcs0 \cs17\v\fs20\cf9\loch\af1\hich\af1\dbch\af31501\insrsid12543547\charrsid3894366 \hich\af1\dbch\af31501\loch\f1 &lt;/By&gt;}{\rtlch\fcs1 \af0 \ltrch\fcs0 \insrsid12543547\charrsid3894366 {\*\bkmkend By}&lt;&lt;&lt;}{\rtlch\fcs1 \af0 _x000d__x000a_\ltrch\fcs0 \cs17\v\fs20\cf9\loch\af1\hich\af1\dbch\af31501\insrsid12543547\charrsid3894366 \hich\af1\dbch\af31501\loch\f1 &lt;\hich\af1\dbch\af31501\loch\f1 /\hich\af1\dbch\af31501\loch\f1 RepeatBlock-By&gt;}{\rtlch\fcs1 \af0 \ltrch\fcs0 _x000d__x000a_\insrsid12543547\charrsid3894366 _x000d__x000a_\par }\pard\plain \ltrpar\s18\ql \li0\ri0\nowidctlpar\tqr\tx9071\wrapdefault\aspalpha\aspnum\faauto\adjustright\rin0\lin0\itap0\pararsid12543547 \rtlch\fcs1 \af0\afs20\alang1025 \ltrch\fcs0 \b\fs24\lang2057\langfe2057\cgrid\langnp2057\langfenp2057 {_x000d__x000a_\rtlch\fcs1 \af0 \ltrch\fcs0 \cs17\b0\v\fs20\cf9\loch\af1\hich\af1\dbch\af31501\insrsid12543547\charrsid3894366 \hich\af1\dbch\af31501\loch\f1 &lt;TitreType&gt;}{\rtlch\fcs1 \af0 \ltrch\fcs0 \insrsid12543547\charrsid3894366 Report}{\rtlch\fcs1 \af0 \ltrch\fcs0 _x000d__x000a_\cs17\b0\v\fs20\cf9\loch\af1\hich\af1\dbch\af31501\insrsid12543547\charrsid3894366 \hich\af1\dbch\af31501\loch\f1 &lt;/TitreType&gt;}{\rtlch\fcs1 \af0 \ltrch\fcs0 \insrsid12543547\charrsid3894366 \tab #}{\rtlch\fcs1 \af1 \ltrch\fcs0 _x000d__x000a_\cs21\v\f1\fs20\cf15\insrsid12543547\charrsid3894366 KEY(PLENARY/ANUMBER)@NRAMSG@NRAKEY}{\rtlch\fcs1 \af0 \ltrch\fcs0 \insrsid12543547\charrsid3894366 #/#}{\rtlch\fcs1 \af1 \ltrch\fcs0 \cs21\v\f1\fs20\cf15\insrsid12543547\charrsid3894366 _x000d__x000a_KEY(PLENARY/DOCYEAR)@DOCYEARMSG@NRAKEY}{\rtlch\fcs1 \af0 \ltrch\fcs0 \insrsid12543547\charrsid3894366 #_x000d__x000a_\par }\pard\plain \ltrpar\s22\ql \li0\ri0\nowidctlpar\wrapdefault\aspalpha\aspnum\faauto\adjustright\rin0\lin0\itap0\pararsid12543547 \rtlch\fcs1 \af0\afs20\alang1025 \ltrch\fcs0 \b\fs24\lang2057\langfe2057\cgrid\langnp2057\langfenp2057 {\rtlch\fcs1 \af0 _x000d__x000a_\ltrch\fcs0 \cs17\b0\v\fs20\cf9\loch\af1\hich\af1\dbch\af31501\insrsid12543547\charrsid3894366 \hich\af1\dbch\af31501\loch\f1 &lt;Rapporteur&gt;}{\rtlch\fcs1 \af0 \ltrch\fcs0 \insrsid12543547\charrsid3894366 #}{\rtlch\fcs1 \af1 \ltrch\fcs0 _x000d__x000a_\cs21\v\f1\fs20\cf15\insrsid12543547\charrsid3894366 KEY(PLENARY/RAPPORTEURS)@AUTHORMSG@NRAKEY}{\rtlch\fcs1 \af0 \ltrch\fcs0 \insrsid12543547\charrsid3894366 #}{\rtlch\fcs1 \af0 \ltrch\fcs0 _x000d__x000a_\cs17\b0\v\fs20\cf9\loch\af1\hich\af1\dbch\af31501\insrsid12543547\charrsid3894366 \hich\af1\dbch\af31501\loch\f1 &lt;/Rapporteur&gt;}{\rtlch\fcs1 \af0 \ltrch\fcs0 \insrsid12543547\charrsid3894366 _x000d__x000a_\par }\pard\plain \ltrpar\ql \li0\ri0\widctlpar\wrapdefault\aspalpha\aspnum\faauto\adjustright\rin0\lin0\itap0\pararsid12543547 \rtlch\fcs1 \af0\afs20\alang1025 \ltrch\fcs0 \fs24\lang2057\langfe2057\cgrid\langnp2057\langfenp2057 {\rtlch\fcs1 \af0 \ltrch\fcs0 _x000d__x000a_\cs17\v\fs20\cf9\loch\af1\hich\af1\dbch\af31501\insrsid12543547\charrsid3894366 \hich\af1\dbch\af31501\loch\f1 &lt;Titre&gt;}{\rtlch\fcs1 \af0 \ltrch\fcs0 \insrsid12543547\charrsid3894366 #}{\rtlch\fcs1 \af1 \ltrch\fcs0 _x000d__x000a_\cs21\v\f1\fs20\cf15\insrsid12543547\charrsid3894366 KEY(PLENARY/TITLES)@TITLEMSG@NRAKEY}{\rtlch\fcs1 \af0 \ltrch\fcs0 \insrsid12543547\charrsid3894366 #}{\rtlch\fcs1 \af0 \ltrch\fcs0 _x000d__x000a_\cs17\v\fs20\cf9\loch\af1\hich\af1\dbch\af31501\insrsid12543547\charrsid3894366 \hich\af1\dbch\af31501\loch\f1 &lt;/Titre&gt;}{\rtlch\fcs1 \af0 \ltrch\fcs0 \insrsid12543547\charrsid3894366 _x000d__x000a_\par }\pard\plain \ltrpar\s19\ql \li0\ri0\sa240\nowidctlpar\wrapdefault\aspalpha\aspnum\faauto\adjustright\rin0\lin0\itap0\pararsid12543547 \rtlch\fcs1 \af0\afs20\alang1025 \ltrch\fcs0 \fs24\lang2057\langfe2057\cgrid\langnp2057\langfenp2057 {\rtlch\fcs1 \af0 _x000d__x000a_\ltrch\fcs0 \cs17\v\fs20\cf9\loch\af1\hich\af1\dbch\af31501\insrsid12543547\charrsid3894366 \hich\af1\dbch\af31501\loch\f1 &lt;DocRef&gt;}{\rtlch\fcs1 \af0 \ltrch\fcs0 \insrsid12543547\charrsid3894366 (#}{\rtlch\fcs1 \af1 \ltrch\fcs0 _x000d__x000a_\cs21\v\f1\fs20\cf15\insrsid12543547\charrsid3894366 KEY(PLENARY/REFERENCES)@REFMSG@NRAKEY}{\rtlch\fcs1 \af0 \ltrch\fcs0 \insrsid12543547\charrsid3894366 #)}{\rtlch\fcs1 \af0 \ltrch\fcs0 _x000d__x000a_\cs17\v\fs20\cf9\loch\af1\hich\af1\dbch\af31501\insrsid12543547\charrsid3894366 \hich\af1\dbch\af31501\loch\f1 &lt;/DocRef&gt;}{\rtlch\fcs1 \af0 \ltrch\fcs0 \insrsid12543547\charrsid3894366 _x000d__x000a_\par }\pard\plain \ltrpar\s22\ql \li0\ri0\nowidctlpar\wrapdefault\aspalpha\aspnum\faauto\adjustright\rin0\lin0\itap0\pararsid12543547 \rtlch\fcs1 \af0\afs20\alang1025 \ltrch\fcs0 \b\fs24\lang2057\langfe2057\cgrid\langnp2057\langfenp2057 {\rtlch\fcs1 \af0 _x000d__x000a_\ltrch\fcs0 \cs17\b0\v\fs20\cf9\loch\af1\hich\af1\dbch\af31501\insrsid12543547\charrsid3894366 \hich\af1\dbch\af31501\loch\f1 &lt;DocAmend&gt;}{\rtlch\fcs1 \af0 \ltrch\fcs0 \insrsid12543547\charrsid3894366 #}{\rtlch\fcs1 \af1 \ltrch\fcs0 _x000d__x000a_\cs21\v\f1\fs20\cf15\insrsid12543547\charrsid3894366 MNU[DOC1][DOC2][DOC3]@CHOICE@DOCMNU}{\rtlch\fcs1 \af0 \ltrch\fcs0 \insrsid12543547\charrsid3894366 #}{\rtlch\fcs1 \af0 \ltrch\fcs0 _x000d__x000a_\cs17\b0\v\fs20\cf9\loch\af1\hich\af1\dbch\af31501\insrsid12543547\charrsid3894366 \hich\af1\dbch\af31501\loch\f1 &lt;/DocAmend&gt;}{\rtlch\fcs1 \af0 \ltrch\fcs0 \insrsid12543547\charrsid3894366 _x000d__x000a_\par }{\rtlch\fcs1 \af0 \ltrch\fcs0 \cs17\b0\v\fs20\cf9\loch\af1\hich\af1\dbch\af31501\insrsid12543547\charrsid3894366 \hich\af1\dbch\af31501\loch\f1 &lt;Article&gt;}{\rtlch\fcs1 \af0 \ltrch\fcs0 \cf10\insrsid12543547\charrsid3894366 \u9668\'3f}{\rtlch\fcs1 \af0 _x000d__x000a_\ltrch\fcs0 \insrsid12543547\charrsid3894366 #}{\rtlch\fcs1 \af1 \ltrch\fcs0 \cs21\v\f1\fs20\cf15\insrsid12543547\charrsid3894366 TVTAMPART@AMPART@}{\rtlch\fcs1 \af0 \ltrch\fcs0 \insrsid12543547\charrsid3894366 #}{\rtlch\fcs1 \af0 \ltrch\fcs0 _x000d__x000a_\cf10\insrsid12543547\charrsid3894366 \u9658\'3f}{\rtlch\fcs1 \af0 \ltrch\fcs0 \cs17\b0\v\fs20\cf9\loch\af1\hich\af1\dbch\af31501\insrsid12543547\charrsid3894366 \hich\af1\dbch\af31501\loch\f1 &lt;/Article&gt;}{\rtlch\fcs1 \af0 \ltrch\fcs0 _x000d__x000a_\insrsid12543547\charrsid3894366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2543547\charrsid3894366 \cell }\pard\plain \ltrpar\ql \li0\ri0\widctlpar\intbl\wrapdefault\aspalpha\aspnum\faauto\adjustright\rin0\lin0 \rtlch\fcs1 _x000d__x000a_\af0\afs20\alang1025 \ltrch\fcs0 \fs24\lang2057\langfe2057\cgrid\langnp2057\langfenp2057 {\rtlch\fcs1 \af0 \ltrch\fcs0 \insrsid12543547\charrsid3894366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2543547\charrsid3894366 #}{\rtlch\fcs1 \af1 \ltrch\fcs0 \cs21\v\f1\fs20\cf15\insrsid12543547\charrsid3894366 MNU[DOC1][DOC2][DOC3]@CHOICE@DOCMNU}{\rtlch\fcs1 \af0 \ltrch\fcs0 \insrsid12543547\charrsid389436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2543547\charrsid3894366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2543547\charrsid3894366 ##\cell ##}{\rtlch\fcs1 \af0\afs24 \ltrch\fcs0 \insrsid12543547\charrsid3894366 \cell }\pard\plain \ltrpar\ql \li0\ri0\widctlpar\intbl\wrapdefault\aspalpha\aspnum\faauto\adjustright\rin0\lin0 _x000d__x000a_\rtlch\fcs1 \af0\afs20\alang1025 \ltrch\fcs0 \fs24\lang2057\langfe2057\cgrid\langnp2057\langfenp2057 {\rtlch\fcs1 \af0 \ltrch\fcs0 \insrsid12543547\charrsid3894366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2543547 \rtlch\fcs1 \af0\afs20\alang1025 \ltrch\fcs0 \fs24\lang2057\langfe2057\cgrid\langnp2057\langfenp2057 {\rtlch\fcs1 \af0 \ltrch\fcs0 _x000d__x000a_\insrsid12543547\charrsid3894366 Or. }{\rtlch\fcs1 \af0 \ltrch\fcs0 \cs17\v\fs20\cf9\loch\af1\hich\af1\dbch\af31501\insrsid12543547\charrsid3894366 \hich\af1\dbch\af31501\loch\f1 &lt;Original&gt;}{\rtlch\fcs1 \af0 \ltrch\fcs0 \insrsid12543547\charrsid3894366 #}_x000d__x000a_{\rtlch\fcs1 \af1 \ltrch\fcs0 \cs21\v\f1\fs20\cf15\insrsid12543547\charrsid3894366 KEY(MAIN/LANGMIN)sh@ORLANGMSG@ORLANGKEY}{\rtlch\fcs1 \af0 \ltrch\fcs0 \insrsid12543547\charrsid3894366 #}{\rtlch\fcs1 \af0 \ltrch\fcs0 _x000d__x000a_\cs17\v\fs20\cf9\loch\af1\hich\af1\dbch\af31501\insrsid12543547\charrsid3894366 \hich\af1\dbch\af31501\loch\f1 &lt;/Original&gt;}{\rtlch\fcs1 \af0 \ltrch\fcs0 \insrsid12543547\charrsid3894366 _x000d__x000a_\par }\pard\plain \ltrpar\ql \li0\ri0\widctlpar\wrapdefault\aspalpha\aspnum\faauto\adjustright\rin0\lin0\itap0\pararsid12543547 \rtlch\fcs1 \af0\afs20\alang1025 \ltrch\fcs0 \fs24\lang2057\langfe2057\cgrid\langnp2057\langfenp2057 {\rtlch\fcs1 \af0 \ltrch\fcs0 _x000d__x000a_\insrsid12543547\charrsid389436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2543547 \rtlch\fcs1 \af0\afs20\alang1025 \ltrch\fcs0 \fs24\lang2057\langfe2057\cgrid\langnp2057\langfenp2057 {\rtlch\fcs1 \af0 \ltrch\fcs0 _x000d__x000a_\cs17\v\fs20\cf9\loch\af1\hich\af1\dbch\af31501\insrsid12543547\charrsid389436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f_x000d__x000a_0cdcba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729955 HideTWBExt;}{\*\cs18 \additive \v\f1\fs20\cf15 _x000d__x000a_\spriority0 \styrsid9729955 HideTWBInt;}{\s19\ql \li0\ri0\nowidctlpar\wrapdefault\aspalpha\aspnum\faauto\adjustright\rin0\lin0\itap0 \rtlch\fcs1 \af0\afs20\alang1025 \ltrch\fcs0 \b\fs24\lang2057\langfe2057\cgrid\langnp2057\langfenp2057 _x000d__x000a_\sbasedon0 \snext19 \spriority0 \styrsid9729955 NormalBold;}}{\*\rsidtbl \rsid24658\rsid223860\rsid735077\rsid1718133\rsid2892074\rsid3565327\rsid4541630\rsid4666813\rsid6641733\rsid7823322\rsid9636012\rsid9729955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7\dy1\hr17\min22}{\revtim\yr2020\mo7\dy1\hr17\min22}{\version1}{\edmins0}{\nofpages1}{\nofwords43}{\nofchars170}{\nofcharsws171}{\vern99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72995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16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16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16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163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729955 \rtlch\fcs1 \af0\afs20\alang1025 \ltrch\fcs0 \b\fs24\lang2057\langfe2057\cgrid\langnp2057\langfenp2057 {\rtlch\fcs1 \af0 \ltrch\fcs0 _x000d__x000a_\cs17\b0\v\fs20\cf9\loch\af1\hich\af1\dbch\af31501\insrsid9729955\charrsid5206460 {\*\bkmkstart By}\hich\af1\dbch\af31501\loch\f1 &lt;\hich\af1\dbch\af31501\loch\f1 By&gt;&lt;\hich\af1\dbch\af31501\loch\f1 Members&gt;}{\rtlch\fcs1 \af0 \ltrch\fcs0 _x000d__x000a_\insrsid9729955\charrsid5206460 #}{\rtlch\fcs1 \af1 \ltrch\fcs0 \cs18\v\f1\fs20\cf15\insrsid9729955\charrsid5206460 (MOD@InsideLoop(\'a7)}{\rtlch\fcs1 \af0 \ltrch\fcs0 \insrsid9729955\charrsid5206460 ##}{\rtlch\fcs1 \af1 \ltrch\fcs0 _x000d__x000a_\cs18\v\f1\fs20\cf15\insrsid9729955\charrsid5206460 IF(FromTORIS = 'True')THEN([PRESMEMBERS])ELSE([TRADMEMBERS])}{\rtlch\fcs1 \af0 \ltrch\fcs0 \insrsid9729955\charrsid5206460 #}{\rtlch\fcs1 \af0 \ltrch\fcs0 _x000d__x000a_\cs17\b0\v\fs20\cf9\loch\af1\hich\af1\dbch\af31501\insrsid9729955\charrsid5206460 \hich\af1\dbch\af31501\loch\f1 &lt;/Members&gt;}{\rtlch\fcs1 \af0 \ltrch\fcs0 \insrsid9729955\charrsid5206460 _x000d__x000a_\par }\pard\plain \ltrpar\ql \li0\ri0\widctlpar\wrapdefault\aspalpha\aspnum\faauto\adjustright\rin0\lin0\itap0\pararsid9729955 \rtlch\fcs1 \af0\afs20\alang1025 \ltrch\fcs0 \fs24\lang2057\langfe2057\cgrid\langnp2057\langfenp2057 {\rtlch\fcs1 \af0 \ltrch\fcs0 _x000d__x000a_\cs17\v\fs20\cf9\loch\af1\hich\af1\dbch\af31501\insrsid9729955\charrsid5206460 \hich\af1\dbch\af31501\loch\f1 &lt;AuNomDe&gt;\hich\af1\dbch\af31501\loch\f1 &lt;\hich\af1\dbch\af31501\loch\f1 OptDel\hich\af1\dbch\af31501\loch\f1 &gt;}{\rtlch\fcs1 \af0 \ltrch\fcs0 _x000d__x000a_\insrsid9729955\charrsid5206460 #}{\rtlch\fcs1 \af1 \ltrch\fcs0 \cs18\v\f1\fs20\cf15\insrsid9729955\charrsid5206460 IF(FromTORIS = 'True')THEN([PRESONBEHALF])ELSE([TRADONBEHALF])}{\rtlch\fcs1 \af0 \ltrch\fcs0 \insrsid9729955\charrsid5206460 #}{_x000d__x000a_\rtlch\fcs1 \af0 \ltrch\fcs0 \cs17\v\fs20\cf9\loch\af1\hich\af1\dbch\af31501\insrsid9729955\charrsid5206460 \hich\af1\dbch\af31501\loch\f1 &lt;\hich\af1\dbch\af31501\loch\f1 /OptDel\hich\af1\dbch\af31501\loch\f1 &gt;\hich\af1\dbch\af31501\loch\f1 &lt;/AuNomDe&gt;}{_x000d__x000a_\rtlch\fcs1 \af0 \ltrch\fcs0 \insrsid9729955\charrsid5206460 _x000d__x000a_\par }{\rtlch\fcs1 \ab\af0 \ltrch\fcs0 \cs17\v\fs20\cf9\loch\af1\hich\af1\dbch\af31501\insrsid9729955\charrsid5206460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f_x000d__x000a_8467bb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09"/>
    <w:docVar w:name="TVTAMPART" w:val="Paragraph 81"/>
    <w:docVar w:name="TVTMEMBERS1" w:val="Bas Eickhout"/>
    <w:docVar w:name="TXTAUTHOR" w:val="Bas Eickhout"/>
    <w:docVar w:name="TXTDOCYEAR" w:val="2020"/>
    <w:docVar w:name="TXTLANGUE" w:val="EN"/>
    <w:docVar w:name="TXTLANGUEMIN" w:val="en"/>
    <w:docVar w:name="TXTNRA" w:val="0118"/>
    <w:docVar w:name="TXTNRFIRSTAM" w:val="10"/>
    <w:docVar w:name="TXTNRLASTAM" w:val="15"/>
    <w:docVar w:name="TXTNRPE" w:val="647.690"/>
    <w:docVar w:name="TXTPEorAP" w:val="PE"/>
    <w:docVar w:name="TXTREF" w:val="2019/2127(INI)"/>
    <w:docVar w:name="TXTROUTE" w:val="AM\1209098EN.docx"/>
    <w:docVar w:name="TXTTITLE" w:val="Control of the financial activities of the European Investment Bank - annual report 2018"/>
    <w:docVar w:name="TXTVERSION" w:val="01-00"/>
  </w:docVars>
  <w:rsids>
    <w:rsidRoot w:val="00F80B05"/>
    <w:rsid w:val="00016E4D"/>
    <w:rsid w:val="000554AB"/>
    <w:rsid w:val="000E01B6"/>
    <w:rsid w:val="000F261A"/>
    <w:rsid w:val="00124FE9"/>
    <w:rsid w:val="001337AF"/>
    <w:rsid w:val="001B6913"/>
    <w:rsid w:val="001E376E"/>
    <w:rsid w:val="00220759"/>
    <w:rsid w:val="002419EA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4300A3"/>
    <w:rsid w:val="00431305"/>
    <w:rsid w:val="00452782"/>
    <w:rsid w:val="004D5682"/>
    <w:rsid w:val="004F4B78"/>
    <w:rsid w:val="00502CF5"/>
    <w:rsid w:val="005460A7"/>
    <w:rsid w:val="005805EF"/>
    <w:rsid w:val="00580701"/>
    <w:rsid w:val="00587F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7A09F1"/>
    <w:rsid w:val="007F33BC"/>
    <w:rsid w:val="008730E0"/>
    <w:rsid w:val="008B5D69"/>
    <w:rsid w:val="00926656"/>
    <w:rsid w:val="009352F6"/>
    <w:rsid w:val="009832D0"/>
    <w:rsid w:val="00995B81"/>
    <w:rsid w:val="00996820"/>
    <w:rsid w:val="009A1B43"/>
    <w:rsid w:val="009B0B57"/>
    <w:rsid w:val="009B491C"/>
    <w:rsid w:val="009C00C1"/>
    <w:rsid w:val="009E14DF"/>
    <w:rsid w:val="00A05DD2"/>
    <w:rsid w:val="00A114CA"/>
    <w:rsid w:val="00A11CA3"/>
    <w:rsid w:val="00A12366"/>
    <w:rsid w:val="00A23DC7"/>
    <w:rsid w:val="00A52518"/>
    <w:rsid w:val="00A61769"/>
    <w:rsid w:val="00B516CA"/>
    <w:rsid w:val="00B91A1E"/>
    <w:rsid w:val="00BB76DD"/>
    <w:rsid w:val="00BC4047"/>
    <w:rsid w:val="00BE2400"/>
    <w:rsid w:val="00BE49DB"/>
    <w:rsid w:val="00BF663B"/>
    <w:rsid w:val="00C14A2B"/>
    <w:rsid w:val="00C93F32"/>
    <w:rsid w:val="00CA2A46"/>
    <w:rsid w:val="00CA76DA"/>
    <w:rsid w:val="00CB20C9"/>
    <w:rsid w:val="00CF6EC7"/>
    <w:rsid w:val="00CF7B17"/>
    <w:rsid w:val="00D01F25"/>
    <w:rsid w:val="00DA3CCC"/>
    <w:rsid w:val="00DD4087"/>
    <w:rsid w:val="00E5782E"/>
    <w:rsid w:val="00E77FDC"/>
    <w:rsid w:val="00E96FC5"/>
    <w:rsid w:val="00EA08DF"/>
    <w:rsid w:val="00EE4A94"/>
    <w:rsid w:val="00F15EE7"/>
    <w:rsid w:val="00F80B05"/>
    <w:rsid w:val="00F91197"/>
    <w:rsid w:val="00F924F9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92ADA6F-EF83-46CD-B8B6-CEC8E3A52D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ga-I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customStyle="1" w:styleId="SupBoldItalic">
    <w:name w:val="SupBoldItalic"/>
    <w:uiPriority w:val="1"/>
    <w:qFormat/>
    <w:rsid w:val="00BE49DB"/>
    <w:rPr>
      <w:b/>
      <w:i/>
      <w:vertAlign w:val="superscript"/>
    </w:rPr>
  </w:style>
  <w:style w:type="paragraph" w:customStyle="1" w:styleId="NormalHanging12a">
    <w:name w:val="NormalHanging12a"/>
    <w:basedOn w:val="Normal"/>
    <w:link w:val="NormalHanging12aChar"/>
    <w:rsid w:val="00BE49DB"/>
    <w:pPr>
      <w:spacing w:after="240"/>
      <w:ind w:left="567" w:hanging="567"/>
    </w:pPr>
  </w:style>
  <w:style w:type="character" w:customStyle="1" w:styleId="NormalHanging12aChar">
    <w:name w:val="NormalHanging12a Char"/>
    <w:basedOn w:val="DefaultParagraphFont"/>
    <w:link w:val="NormalHanging12a"/>
    <w:rsid w:val="00BE49DB"/>
    <w:rPr>
      <w:sz w:val="24"/>
    </w:rPr>
  </w:style>
  <w:style w:type="paragraph" w:styleId="BalloonText">
    <w:name w:val="Balloon Text"/>
    <w:basedOn w:val="Normal"/>
    <w:link w:val="BalloonTextChar"/>
    <w:rsid w:val="008730E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730E0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730E0"/>
    <w:rPr>
      <w:sz w:val="16"/>
      <w:szCs w:val="16"/>
    </w:rPr>
  </w:style>
  <w:style w:type="paragraph" w:styleId="CommentText">
    <w:name w:val="annotation text"/>
    <w:basedOn w:val="Normal"/>
    <w:link w:val="CommentTextChar"/>
    <w:rsid w:val="008730E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730E0"/>
  </w:style>
  <w:style w:type="paragraph" w:styleId="CommentSubject">
    <w:name w:val="annotation subject"/>
    <w:basedOn w:val="CommentText"/>
    <w:next w:val="CommentText"/>
    <w:link w:val="CommentSubjectChar"/>
    <w:rsid w:val="008730E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730E0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911CDB2-89D3-4747-8928-E25858447B7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1256</Words>
  <Characters>8823</Characters>
  <Application>Microsoft Office Word</Application>
  <DocSecurity>0</DocSecurity>
  <Lines>367</Lines>
  <Paragraphs>1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9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O'REILLY Orlagh Mary</cp:lastModifiedBy>
  <cp:revision>2</cp:revision>
  <cp:lastPrinted>2020-07-01T17:40:00Z</cp:lastPrinted>
  <dcterms:created xsi:type="dcterms:W3CDTF">2020-07-02T14:10:00Z</dcterms:created>
  <dcterms:modified xsi:type="dcterms:W3CDTF">2020-07-02T14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09098</vt:lpwstr>
  </property>
  <property fmtid="{D5CDD505-2E9C-101B-9397-08002B2CF9AE}" pid="3" name="&lt;Model&gt;">
    <vt:lpwstr>AM_Ple_NonLegReport</vt:lpwstr>
  </property>
  <property fmtid="{D5CDD505-2E9C-101B-9397-08002B2CF9AE}" pid="4" name="&lt;ModelCod&gt;">
    <vt:lpwstr>\\eiciBRUpr1\pdocep$\DocEP\DOCS\General\AM\AM_NonLeg\AM_Ple_NonLeg\AM_Ple_NonLegReport.dotx(15/10/2019 07:18:38)</vt:lpwstr>
  </property>
  <property fmtid="{D5CDD505-2E9C-101B-9397-08002B2CF9AE}" pid="5" name="&lt;ModelTra&gt;">
    <vt:lpwstr>\\eiciBRUpr1\pdocep$\DocEP\TRANSFIL\EN\AM_Ple_NonLegReport.EN(02/09/2019 12:27:01)</vt:lpwstr>
  </property>
  <property fmtid="{D5CDD505-2E9C-101B-9397-08002B2CF9AE}" pid="6" name="&lt;Type&gt;">
    <vt:lpwstr>AM</vt:lpwstr>
  </property>
  <property fmtid="{D5CDD505-2E9C-101B-9397-08002B2CF9AE}" pid="7" name="Bookout">
    <vt:lpwstr>OK - 2020/07/02 16:10</vt:lpwstr>
  </property>
  <property fmtid="{D5CDD505-2E9C-101B-9397-08002B2CF9AE}" pid="8" name="Created with">
    <vt:lpwstr>9.8.0 Build [20191010]</vt:lpwstr>
  </property>
  <property fmtid="{D5CDD505-2E9C-101B-9397-08002B2CF9AE}" pid="9" name="FooterPath">
    <vt:lpwstr>AM\1209098GA.docx</vt:lpwstr>
  </property>
  <property fmtid="{D5CDD505-2E9C-101B-9397-08002B2CF9AE}" pid="10" name="LastEdited with">
    <vt:lpwstr>9.8.0 Build [20191010]</vt:lpwstr>
  </property>
  <property fmtid="{D5CDD505-2E9C-101B-9397-08002B2CF9AE}" pid="11" name="PE number">
    <vt:lpwstr>647.69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GA</vt:lpwstr>
  </property>
</Properties>
</file>